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5.xml" ContentType="application/vnd.openxmlformats-officedocument.presentationml.tags+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5.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6.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7.xml" ContentType="application/vnd.openxmlformats-officedocument.presentationml.notesSlide+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notesSlides/notesSlide8.xml" ContentType="application/vnd.openxmlformats-officedocument.presentationml.notesSlide+xml"/>
  <Override PartName="/ppt/notesSlides/notesSlide9.xml" ContentType="application/vnd.openxmlformats-officedocument.presentationml.notesSlide+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notesSlides/notesSlide12.xml" ContentType="application/vnd.openxmlformats-officedocument.presentationml.notesSlide+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notesSlides/notesSlide13.xml" ContentType="application/vnd.openxmlformats-officedocument.presentationml.notesSlide+xml"/>
  <Override PartName="/ppt/diagrams/data10.xml" ContentType="application/vnd.openxmlformats-officedocument.drawingml.diagramData+xml"/>
  <Override PartName="/ppt/diagrams/layout10.xml" ContentType="application/vnd.openxmlformats-officedocument.drawingml.diagramLayout+xml"/>
  <Override PartName="/ppt/diagrams/quickStyle10.xml" ContentType="application/vnd.openxmlformats-officedocument.drawingml.diagramStyle+xml"/>
  <Override PartName="/ppt/diagrams/colors10.xml" ContentType="application/vnd.openxmlformats-officedocument.drawingml.diagramColors+xml"/>
  <Override PartName="/ppt/diagrams/drawing10.xml" ContentType="application/vnd.ms-office.drawingml.diagramDrawing+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diagrams/data11.xml" ContentType="application/vnd.openxmlformats-officedocument.drawingml.diagramData+xml"/>
  <Override PartName="/ppt/diagrams/layout11.xml" ContentType="application/vnd.openxmlformats-officedocument.drawingml.diagramLayout+xml"/>
  <Override PartName="/ppt/diagrams/quickStyle11.xml" ContentType="application/vnd.openxmlformats-officedocument.drawingml.diagramStyle+xml"/>
  <Override PartName="/ppt/diagrams/colors11.xml" ContentType="application/vnd.openxmlformats-officedocument.drawingml.diagramColors+xml"/>
  <Override PartName="/ppt/diagrams/drawing11.xml" ContentType="application/vnd.ms-office.drawingml.diagramDrawing+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diagrams/data12.xml" ContentType="application/vnd.openxmlformats-officedocument.drawingml.diagramData+xml"/>
  <Override PartName="/ppt/diagrams/layout12.xml" ContentType="application/vnd.openxmlformats-officedocument.drawingml.diagramLayout+xml"/>
  <Override PartName="/ppt/diagrams/quickStyle12.xml" ContentType="application/vnd.openxmlformats-officedocument.drawingml.diagramStyle+xml"/>
  <Override PartName="/ppt/diagrams/colors12.xml" ContentType="application/vnd.openxmlformats-officedocument.drawingml.diagramColors+xml"/>
  <Override PartName="/ppt/diagrams/drawing12.xml" ContentType="application/vnd.ms-office.drawingml.diagramDrawing+xml"/>
  <Override PartName="/ppt/notesSlides/notesSlide18.xml" ContentType="application/vnd.openxmlformats-officedocument.presentationml.notesSlide+xml"/>
  <Override PartName="/ppt/diagrams/data13.xml" ContentType="application/vnd.openxmlformats-officedocument.drawingml.diagramData+xml"/>
  <Override PartName="/ppt/diagrams/layout13.xml" ContentType="application/vnd.openxmlformats-officedocument.drawingml.diagramLayout+xml"/>
  <Override PartName="/ppt/diagrams/quickStyle13.xml" ContentType="application/vnd.openxmlformats-officedocument.drawingml.diagramStyle+xml"/>
  <Override PartName="/ppt/diagrams/colors13.xml" ContentType="application/vnd.openxmlformats-officedocument.drawingml.diagramColors+xml"/>
  <Override PartName="/ppt/diagrams/drawing13.xml" ContentType="application/vnd.ms-office.drawingml.diagramDrawing+xml"/>
  <Override PartName="/ppt/notesSlides/notesSlide1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48" r:id="rId12"/>
    <p:sldMasterId id="2147484077" r:id="rId13"/>
  </p:sldMasterIdLst>
  <p:notesMasterIdLst>
    <p:notesMasterId r:id="rId37"/>
  </p:notesMasterIdLst>
  <p:handoutMasterIdLst>
    <p:handoutMasterId r:id="rId38"/>
  </p:handoutMasterIdLst>
  <p:sldIdLst>
    <p:sldId id="270" r:id="rId14"/>
    <p:sldId id="2147375261" r:id="rId15"/>
    <p:sldId id="2147375263" r:id="rId16"/>
    <p:sldId id="2147375252" r:id="rId17"/>
    <p:sldId id="2147375142" r:id="rId18"/>
    <p:sldId id="2147375264" r:id="rId19"/>
    <p:sldId id="2147375234" r:id="rId20"/>
    <p:sldId id="2147375235" r:id="rId21"/>
    <p:sldId id="2147375236" r:id="rId22"/>
    <p:sldId id="286" r:id="rId23"/>
    <p:sldId id="2147375237" r:id="rId24"/>
    <p:sldId id="2147375144" r:id="rId25"/>
    <p:sldId id="2147375238" r:id="rId26"/>
    <p:sldId id="2147375145" r:id="rId27"/>
    <p:sldId id="2147375239" r:id="rId28"/>
    <p:sldId id="301" r:id="rId29"/>
    <p:sldId id="2147375240" r:id="rId30"/>
    <p:sldId id="300" r:id="rId31"/>
    <p:sldId id="2147375246" r:id="rId32"/>
    <p:sldId id="2147375146" r:id="rId33"/>
    <p:sldId id="2147375247" r:id="rId34"/>
    <p:sldId id="2147375147" r:id="rId35"/>
    <p:sldId id="2147375265" r:id="rId36"/>
  </p:sldIdLst>
  <p:sldSz cx="12192000" cy="6858000"/>
  <p:notesSz cx="6797675" cy="9926638"/>
  <p:custDataLst>
    <p:tags r:id="rId39"/>
  </p:custDataLst>
  <p:defaultTextStyle>
    <a:defPPr>
      <a:defRPr lang="en-US"/>
    </a:defPPr>
    <a:lvl1pPr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1pPr>
    <a:lvl2pPr marL="4572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2pPr>
    <a:lvl3pPr marL="9144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3pPr>
    <a:lvl4pPr marL="13716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4pPr>
    <a:lvl5pPr marL="18288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5pPr>
    <a:lvl6pPr marL="2286000" algn="l" defTabSz="914400" rtl="0" eaLnBrk="1" latinLnBrk="0" hangingPunct="1">
      <a:defRPr sz="2400" kern="1200">
        <a:solidFill>
          <a:schemeClr val="tx1"/>
        </a:solidFill>
        <a:latin typeface="Arial" charset="0"/>
        <a:ea typeface="ＭＳ Ｐゴシック" pitchFamily="-128" charset="-128"/>
        <a:cs typeface="+mn-cs"/>
      </a:defRPr>
    </a:lvl6pPr>
    <a:lvl7pPr marL="2743200" algn="l" defTabSz="914400" rtl="0" eaLnBrk="1" latinLnBrk="0" hangingPunct="1">
      <a:defRPr sz="2400" kern="1200">
        <a:solidFill>
          <a:schemeClr val="tx1"/>
        </a:solidFill>
        <a:latin typeface="Arial" charset="0"/>
        <a:ea typeface="ＭＳ Ｐゴシック" pitchFamily="-128" charset="-128"/>
        <a:cs typeface="+mn-cs"/>
      </a:defRPr>
    </a:lvl7pPr>
    <a:lvl8pPr marL="3200400" algn="l" defTabSz="914400" rtl="0" eaLnBrk="1" latinLnBrk="0" hangingPunct="1">
      <a:defRPr sz="2400" kern="1200">
        <a:solidFill>
          <a:schemeClr val="tx1"/>
        </a:solidFill>
        <a:latin typeface="Arial" charset="0"/>
        <a:ea typeface="ＭＳ Ｐゴシック" pitchFamily="-128" charset="-128"/>
        <a:cs typeface="+mn-cs"/>
      </a:defRPr>
    </a:lvl8pPr>
    <a:lvl9pPr marL="3657600" algn="l" defTabSz="914400" rtl="0" eaLnBrk="1" latinLnBrk="0" hangingPunct="1">
      <a:defRPr sz="2400" kern="1200">
        <a:solidFill>
          <a:schemeClr val="tx1"/>
        </a:solidFill>
        <a:latin typeface="Arial" charset="0"/>
        <a:ea typeface="ＭＳ Ｐゴシック" pitchFamily="-128" charset="-128"/>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D7A540"/>
    <a:srgbClr val="C9FFFA"/>
    <a:srgbClr val="D74168"/>
    <a:srgbClr val="93A5B0"/>
    <a:srgbClr val="F1B80E"/>
    <a:srgbClr val="C6168D"/>
    <a:srgbClr val="C00000"/>
    <a:srgbClr val="00B5AD"/>
    <a:srgbClr val="0097D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6" autoAdjust="0"/>
    <p:restoredTop sz="74334" autoAdjust="0"/>
  </p:normalViewPr>
  <p:slideViewPr>
    <p:cSldViewPr>
      <p:cViewPr varScale="1">
        <p:scale>
          <a:sx n="55" d="100"/>
          <a:sy n="55" d="100"/>
        </p:scale>
        <p:origin x="908" y="32"/>
      </p:cViewPr>
      <p:guideLst>
        <p:guide orient="horz" pos="2160"/>
        <p:guide pos="3840"/>
      </p:guideLst>
    </p:cSldViewPr>
  </p:slideViewPr>
  <p:notesTextViewPr>
    <p:cViewPr>
      <p:scale>
        <a:sx n="1" d="1"/>
        <a:sy n="1" d="1"/>
      </p:scale>
      <p:origin x="0" y="0"/>
    </p:cViewPr>
  </p:notesTextViewPr>
  <p:notesViewPr>
    <p:cSldViewPr>
      <p:cViewPr varScale="1">
        <p:scale>
          <a:sx n="52" d="100"/>
          <a:sy n="52" d="100"/>
        </p:scale>
        <p:origin x="3161" y="41"/>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Master" Target="slideMasters/slideMaster2.xml"/><Relationship Id="rId18" Type="http://schemas.openxmlformats.org/officeDocument/2006/relationships/slide" Target="slides/slide5.xml"/><Relationship Id="rId26" Type="http://schemas.openxmlformats.org/officeDocument/2006/relationships/slide" Target="slides/slide13.xml"/><Relationship Id="rId39"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slide" Target="slides/slide8.xml"/><Relationship Id="rId34" Type="http://schemas.openxmlformats.org/officeDocument/2006/relationships/slide" Target="slides/slide21.xml"/><Relationship Id="rId42"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4.xml"/><Relationship Id="rId25" Type="http://schemas.openxmlformats.org/officeDocument/2006/relationships/slide" Target="slides/slide12.xml"/><Relationship Id="rId33" Type="http://schemas.openxmlformats.org/officeDocument/2006/relationships/slide" Target="slides/slide20.xml"/><Relationship Id="rId38"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slide" Target="slides/slide16.xml"/><Relationship Id="rId4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1.xml"/><Relationship Id="rId32" Type="http://schemas.openxmlformats.org/officeDocument/2006/relationships/slide" Target="slides/slide19.xml"/><Relationship Id="rId37" Type="http://schemas.openxmlformats.org/officeDocument/2006/relationships/notesMaster" Target="notesMasters/notesMaster1.xml"/><Relationship Id="rId40"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slide" Target="slides/slide15.xml"/><Relationship Id="rId36" Type="http://schemas.openxmlformats.org/officeDocument/2006/relationships/slide" Target="slides/slide23.xml"/><Relationship Id="rId10" Type="http://schemas.openxmlformats.org/officeDocument/2006/relationships/customXml" Target="../customXml/item10.xml"/><Relationship Id="rId19" Type="http://schemas.openxmlformats.org/officeDocument/2006/relationships/slide" Target="slides/slide6.xml"/><Relationship Id="rId31" Type="http://schemas.openxmlformats.org/officeDocument/2006/relationships/slide" Target="slides/slide18.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slide" Target="slides/slide14.xml"/><Relationship Id="rId30" Type="http://schemas.openxmlformats.org/officeDocument/2006/relationships/slide" Target="slides/slide17.xml"/><Relationship Id="rId35" Type="http://schemas.openxmlformats.org/officeDocument/2006/relationships/slide" Target="slides/slide22.xml"/><Relationship Id="rId43" Type="http://schemas.openxmlformats.org/officeDocument/2006/relationships/tableStyles" Target="tableStyles.xml"/></Relationships>
</file>

<file path=ppt/diagrams/_rels/data10.xml.rels><?xml version="1.0" encoding="UTF-8" standalone="yes"?>
<Relationships xmlns="http://schemas.openxmlformats.org/package/2006/relationships"><Relationship Id="rId8" Type="http://schemas.openxmlformats.org/officeDocument/2006/relationships/image" Target="../media/image38.svg"/><Relationship Id="rId3" Type="http://schemas.openxmlformats.org/officeDocument/2006/relationships/image" Target="../media/image33.png"/><Relationship Id="rId7" Type="http://schemas.openxmlformats.org/officeDocument/2006/relationships/image" Target="../media/image37.png"/><Relationship Id="rId2" Type="http://schemas.openxmlformats.org/officeDocument/2006/relationships/image" Target="../media/image32.svg"/><Relationship Id="rId1" Type="http://schemas.openxmlformats.org/officeDocument/2006/relationships/image" Target="../media/image31.png"/><Relationship Id="rId6" Type="http://schemas.openxmlformats.org/officeDocument/2006/relationships/image" Target="../media/image36.svg"/><Relationship Id="rId5" Type="http://schemas.openxmlformats.org/officeDocument/2006/relationships/image" Target="../media/image35.png"/><Relationship Id="rId10" Type="http://schemas.openxmlformats.org/officeDocument/2006/relationships/image" Target="../media/image40.svg"/><Relationship Id="rId4" Type="http://schemas.openxmlformats.org/officeDocument/2006/relationships/image" Target="../media/image34.svg"/><Relationship Id="rId9" Type="http://schemas.openxmlformats.org/officeDocument/2006/relationships/image" Target="../media/image39.png"/></Relationships>
</file>

<file path=ppt/diagrams/_rels/data12.xml.rels><?xml version="1.0" encoding="UTF-8" standalone="yes"?>
<Relationships xmlns="http://schemas.openxmlformats.org/package/2006/relationships"><Relationship Id="rId8" Type="http://schemas.openxmlformats.org/officeDocument/2006/relationships/image" Target="../media/image23.svg"/><Relationship Id="rId3" Type="http://schemas.openxmlformats.org/officeDocument/2006/relationships/image" Target="../media/image43.png"/><Relationship Id="rId7" Type="http://schemas.openxmlformats.org/officeDocument/2006/relationships/image" Target="../media/image22.png"/><Relationship Id="rId2" Type="http://schemas.openxmlformats.org/officeDocument/2006/relationships/image" Target="../media/image42.svg"/><Relationship Id="rId1" Type="http://schemas.openxmlformats.org/officeDocument/2006/relationships/image" Target="../media/image41.png"/><Relationship Id="rId6" Type="http://schemas.openxmlformats.org/officeDocument/2006/relationships/image" Target="../media/image46.svg"/><Relationship Id="rId5" Type="http://schemas.openxmlformats.org/officeDocument/2006/relationships/image" Target="../media/image45.png"/><Relationship Id="rId10" Type="http://schemas.openxmlformats.org/officeDocument/2006/relationships/image" Target="../media/image48.svg"/><Relationship Id="rId4" Type="http://schemas.openxmlformats.org/officeDocument/2006/relationships/image" Target="../media/image44.svg"/><Relationship Id="rId9" Type="http://schemas.openxmlformats.org/officeDocument/2006/relationships/image" Target="../media/image47.png"/></Relationships>
</file>

<file path=ppt/diagrams/_rels/data13.xml.rels><?xml version="1.0" encoding="UTF-8" standalone="yes"?>
<Relationships xmlns="http://schemas.openxmlformats.org/package/2006/relationships"><Relationship Id="rId1" Type="http://schemas.openxmlformats.org/officeDocument/2006/relationships/image" Target="../media/image49.png"/></Relationships>
</file>

<file path=ppt/diagrams/_rels/data6.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svg"/><Relationship Id="rId1" Type="http://schemas.openxmlformats.org/officeDocument/2006/relationships/image" Target="../media/image10.png"/><Relationship Id="rId6" Type="http://schemas.openxmlformats.org/officeDocument/2006/relationships/image" Target="../media/image15.svg"/><Relationship Id="rId5" Type="http://schemas.openxmlformats.org/officeDocument/2006/relationships/image" Target="../media/image14.png"/><Relationship Id="rId4" Type="http://schemas.openxmlformats.org/officeDocument/2006/relationships/image" Target="../media/image13.svg"/></Relationships>
</file>

<file path=ppt/diagrams/_rels/data7.xml.rels><?xml version="1.0" encoding="UTF-8" standalone="yes"?>
<Relationships xmlns="http://schemas.openxmlformats.org/package/2006/relationships"><Relationship Id="rId8" Type="http://schemas.openxmlformats.org/officeDocument/2006/relationships/image" Target="../media/image23.svg"/><Relationship Id="rId3" Type="http://schemas.openxmlformats.org/officeDocument/2006/relationships/image" Target="../media/image18.png"/><Relationship Id="rId7" Type="http://schemas.openxmlformats.org/officeDocument/2006/relationships/image" Target="../media/image22.png"/><Relationship Id="rId2" Type="http://schemas.openxmlformats.org/officeDocument/2006/relationships/image" Target="../media/image17.svg"/><Relationship Id="rId1" Type="http://schemas.openxmlformats.org/officeDocument/2006/relationships/image" Target="../media/image16.png"/><Relationship Id="rId6" Type="http://schemas.openxmlformats.org/officeDocument/2006/relationships/image" Target="../media/image21.svg"/><Relationship Id="rId5" Type="http://schemas.openxmlformats.org/officeDocument/2006/relationships/image" Target="../media/image20.png"/><Relationship Id="rId4" Type="http://schemas.openxmlformats.org/officeDocument/2006/relationships/image" Target="../media/image19.svg"/></Relationships>
</file>

<file path=ppt/diagrams/_rels/data8.xml.rels><?xml version="1.0" encoding="UTF-8" standalone="yes"?>
<Relationships xmlns="http://schemas.openxmlformats.org/package/2006/relationships"><Relationship Id="rId8" Type="http://schemas.openxmlformats.org/officeDocument/2006/relationships/image" Target="../media/image30.svg"/><Relationship Id="rId3" Type="http://schemas.openxmlformats.org/officeDocument/2006/relationships/image" Target="../media/image26.png"/><Relationship Id="rId7" Type="http://schemas.openxmlformats.org/officeDocument/2006/relationships/image" Target="../media/image12.png"/><Relationship Id="rId2" Type="http://schemas.openxmlformats.org/officeDocument/2006/relationships/image" Target="../media/image25.svg"/><Relationship Id="rId1" Type="http://schemas.openxmlformats.org/officeDocument/2006/relationships/image" Target="../media/image24.png"/><Relationship Id="rId6" Type="http://schemas.openxmlformats.org/officeDocument/2006/relationships/image" Target="../media/image29.svg"/><Relationship Id="rId5" Type="http://schemas.openxmlformats.org/officeDocument/2006/relationships/image" Target="../media/image28.png"/><Relationship Id="rId4" Type="http://schemas.openxmlformats.org/officeDocument/2006/relationships/image" Target="../media/image27.svg"/></Relationships>
</file>

<file path=ppt/diagrams/_rels/drawing10.xml.rels><?xml version="1.0" encoding="UTF-8" standalone="yes"?>
<Relationships xmlns="http://schemas.openxmlformats.org/package/2006/relationships"><Relationship Id="rId8" Type="http://schemas.openxmlformats.org/officeDocument/2006/relationships/image" Target="../media/image38.svg"/><Relationship Id="rId3" Type="http://schemas.openxmlformats.org/officeDocument/2006/relationships/image" Target="../media/image33.png"/><Relationship Id="rId7" Type="http://schemas.openxmlformats.org/officeDocument/2006/relationships/image" Target="../media/image37.png"/><Relationship Id="rId2" Type="http://schemas.openxmlformats.org/officeDocument/2006/relationships/image" Target="../media/image32.svg"/><Relationship Id="rId1" Type="http://schemas.openxmlformats.org/officeDocument/2006/relationships/image" Target="../media/image31.png"/><Relationship Id="rId6" Type="http://schemas.openxmlformats.org/officeDocument/2006/relationships/image" Target="../media/image36.svg"/><Relationship Id="rId5" Type="http://schemas.openxmlformats.org/officeDocument/2006/relationships/image" Target="../media/image35.png"/><Relationship Id="rId10" Type="http://schemas.openxmlformats.org/officeDocument/2006/relationships/image" Target="../media/image40.svg"/><Relationship Id="rId4" Type="http://schemas.openxmlformats.org/officeDocument/2006/relationships/image" Target="../media/image34.svg"/><Relationship Id="rId9" Type="http://schemas.openxmlformats.org/officeDocument/2006/relationships/image" Target="../media/image39.png"/></Relationships>
</file>

<file path=ppt/diagrams/_rels/drawing12.xml.rels><?xml version="1.0" encoding="UTF-8" standalone="yes"?>
<Relationships xmlns="http://schemas.openxmlformats.org/package/2006/relationships"><Relationship Id="rId8" Type="http://schemas.openxmlformats.org/officeDocument/2006/relationships/image" Target="../media/image23.svg"/><Relationship Id="rId3" Type="http://schemas.openxmlformats.org/officeDocument/2006/relationships/image" Target="../media/image43.png"/><Relationship Id="rId7" Type="http://schemas.openxmlformats.org/officeDocument/2006/relationships/image" Target="../media/image22.png"/><Relationship Id="rId2" Type="http://schemas.openxmlformats.org/officeDocument/2006/relationships/image" Target="../media/image42.svg"/><Relationship Id="rId1" Type="http://schemas.openxmlformats.org/officeDocument/2006/relationships/image" Target="../media/image41.png"/><Relationship Id="rId6" Type="http://schemas.openxmlformats.org/officeDocument/2006/relationships/image" Target="../media/image46.svg"/><Relationship Id="rId5" Type="http://schemas.openxmlformats.org/officeDocument/2006/relationships/image" Target="../media/image45.png"/><Relationship Id="rId10" Type="http://schemas.openxmlformats.org/officeDocument/2006/relationships/image" Target="../media/image48.svg"/><Relationship Id="rId4" Type="http://schemas.openxmlformats.org/officeDocument/2006/relationships/image" Target="../media/image44.svg"/><Relationship Id="rId9" Type="http://schemas.openxmlformats.org/officeDocument/2006/relationships/image" Target="../media/image47.png"/></Relationships>
</file>

<file path=ppt/diagrams/_rels/drawing13.xml.rels><?xml version="1.0" encoding="UTF-8" standalone="yes"?>
<Relationships xmlns="http://schemas.openxmlformats.org/package/2006/relationships"><Relationship Id="rId1" Type="http://schemas.openxmlformats.org/officeDocument/2006/relationships/image" Target="../media/image49.png"/></Relationships>
</file>

<file path=ppt/diagrams/_rels/drawing6.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svg"/><Relationship Id="rId1" Type="http://schemas.openxmlformats.org/officeDocument/2006/relationships/image" Target="../media/image10.png"/><Relationship Id="rId6" Type="http://schemas.openxmlformats.org/officeDocument/2006/relationships/image" Target="../media/image15.svg"/><Relationship Id="rId5" Type="http://schemas.openxmlformats.org/officeDocument/2006/relationships/image" Target="../media/image14.png"/><Relationship Id="rId4" Type="http://schemas.openxmlformats.org/officeDocument/2006/relationships/image" Target="../media/image13.svg"/></Relationships>
</file>

<file path=ppt/diagrams/_rels/drawing7.xml.rels><?xml version="1.0" encoding="UTF-8" standalone="yes"?>
<Relationships xmlns="http://schemas.openxmlformats.org/package/2006/relationships"><Relationship Id="rId8" Type="http://schemas.openxmlformats.org/officeDocument/2006/relationships/image" Target="../media/image23.svg"/><Relationship Id="rId3" Type="http://schemas.openxmlformats.org/officeDocument/2006/relationships/image" Target="../media/image18.png"/><Relationship Id="rId7" Type="http://schemas.openxmlformats.org/officeDocument/2006/relationships/image" Target="../media/image22.png"/><Relationship Id="rId2" Type="http://schemas.openxmlformats.org/officeDocument/2006/relationships/image" Target="../media/image17.svg"/><Relationship Id="rId1" Type="http://schemas.openxmlformats.org/officeDocument/2006/relationships/image" Target="../media/image16.png"/><Relationship Id="rId6" Type="http://schemas.openxmlformats.org/officeDocument/2006/relationships/image" Target="../media/image21.svg"/><Relationship Id="rId5" Type="http://schemas.openxmlformats.org/officeDocument/2006/relationships/image" Target="../media/image20.png"/><Relationship Id="rId4" Type="http://schemas.openxmlformats.org/officeDocument/2006/relationships/image" Target="../media/image19.svg"/></Relationships>
</file>

<file path=ppt/diagrams/_rels/drawing8.xml.rels><?xml version="1.0" encoding="UTF-8" standalone="yes"?>
<Relationships xmlns="http://schemas.openxmlformats.org/package/2006/relationships"><Relationship Id="rId8" Type="http://schemas.openxmlformats.org/officeDocument/2006/relationships/image" Target="../media/image30.svg"/><Relationship Id="rId3" Type="http://schemas.openxmlformats.org/officeDocument/2006/relationships/image" Target="../media/image26.png"/><Relationship Id="rId7" Type="http://schemas.openxmlformats.org/officeDocument/2006/relationships/image" Target="../media/image12.png"/><Relationship Id="rId2" Type="http://schemas.openxmlformats.org/officeDocument/2006/relationships/image" Target="../media/image25.svg"/><Relationship Id="rId1" Type="http://schemas.openxmlformats.org/officeDocument/2006/relationships/image" Target="../media/image24.png"/><Relationship Id="rId6" Type="http://schemas.openxmlformats.org/officeDocument/2006/relationships/image" Target="../media/image29.svg"/><Relationship Id="rId5" Type="http://schemas.openxmlformats.org/officeDocument/2006/relationships/image" Target="../media/image28.png"/><Relationship Id="rId4" Type="http://schemas.openxmlformats.org/officeDocument/2006/relationships/image" Target="../media/image27.sv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0.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1.xml><?xml version="1.0" encoding="utf-8"?>
<dgm:colorsDef xmlns:dgm="http://schemas.openxmlformats.org/drawingml/2006/diagram" xmlns:a="http://schemas.openxmlformats.org/drawingml/2006/main" uniqueId="urn:microsoft.com/office/officeart/2005/8/colors/accent2_1">
  <dgm:title val=""/>
  <dgm:desc val=""/>
  <dgm:catLst>
    <dgm:cat type="accent2" pri="11100"/>
  </dgm:catLst>
  <dgm:styleLbl name="node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2">
        <a:shade val="80000"/>
      </a:schemeClr>
    </dgm:linClrLst>
    <dgm:effectClrLst/>
    <dgm:txLinClrLst/>
    <dgm:txFillClrLst/>
    <dgm:txEffectClrLst/>
  </dgm:styleLbl>
  <dgm:styleLbl name="node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f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align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b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dgm:txEffectClrLst/>
  </dgm:styleLbl>
  <dgm:styleLbl name="parChTrans2D2">
    <dgm:fillClrLst meth="repeat">
      <a:schemeClr val="accent2"/>
    </dgm:fillClrLst>
    <dgm:linClrLst meth="repeat">
      <a:schemeClr val="accent2"/>
    </dgm:linClrLst>
    <dgm:effectClrLst/>
    <dgm:txLinClrLst/>
    <dgm:txFillClrLst/>
    <dgm:txEffectClrLst/>
  </dgm:styleLbl>
  <dgm:styleLbl name="parChTrans2D3">
    <dgm:fillClrLst meth="repeat">
      <a:schemeClr val="accent2"/>
    </dgm:fillClrLst>
    <dgm:linClrLst meth="repeat">
      <a:schemeClr val="accent2"/>
    </dgm:linClrLst>
    <dgm:effectClrLst/>
    <dgm:txLinClrLst/>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con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align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trAlignAcc1">
    <dgm:fillClrLst meth="repeat">
      <a:schemeClr val="accent2">
        <a:alpha val="40000"/>
        <a:tint val="40000"/>
      </a:schemeClr>
    </dgm:fillClrLst>
    <dgm:linClrLst meth="repeat">
      <a:schemeClr val="accent2"/>
    </dgm:linClrLst>
    <dgm:effectClrLst/>
    <dgm:txLinClrLst/>
    <dgm:txFillClrLst meth="repeat">
      <a:schemeClr val="dk1"/>
    </dgm:txFillClrLst>
    <dgm:txEffectClrLst/>
  </dgm:styleLbl>
  <dgm:styleLbl name="b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fgAcc0">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2">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3">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4">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2.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3.xml><?xml version="1.0" encoding="utf-8"?>
<dgm:colorsDef xmlns:dgm="http://schemas.openxmlformats.org/drawingml/2006/diagram" xmlns:a="http://schemas.openxmlformats.org/drawingml/2006/main" uniqueId="urn:microsoft.com/office/officeart/2005/8/colors/accent1_3">
  <dgm:title val=""/>
  <dgm:desc val=""/>
  <dgm:catLst>
    <dgm:cat type="accent1" pri="11300"/>
  </dgm:catLst>
  <dgm:styleLbl name="node0">
    <dgm:fillClrLst meth="repeat">
      <a:schemeClr val="accent1">
        <a:shade val="80000"/>
      </a:schemeClr>
    </dgm:fillClrLst>
    <dgm:linClrLst meth="repeat">
      <a:schemeClr val="lt1"/>
    </dgm:linClrLst>
    <dgm:effectClrLst/>
    <dgm:txLinClrLst/>
    <dgm:txFillClrLst/>
    <dgm:txEffectClrLst/>
  </dgm:styleLbl>
  <dgm:styleLbl name="alignNode1">
    <dgm:fillClrLst>
      <a:schemeClr val="accent1">
        <a:shade val="80000"/>
      </a:schemeClr>
      <a:schemeClr val="accent1">
        <a:tint val="70000"/>
      </a:schemeClr>
    </dgm:fillClrLst>
    <dgm:linClrLst>
      <a:schemeClr val="accent1">
        <a:shade val="80000"/>
      </a:schemeClr>
      <a:schemeClr val="accent1">
        <a:tint val="70000"/>
      </a:schemeClr>
    </dgm:linClrLst>
    <dgm:effectClrLst/>
    <dgm:txLinClrLst/>
    <dgm:txFillClrLst/>
    <dgm:txEffectClrLst/>
  </dgm:styleLbl>
  <dgm:styleLbl name="node1">
    <dgm:fillClrLst>
      <a:schemeClr val="accent1">
        <a:shade val="80000"/>
      </a:schemeClr>
      <a:schemeClr val="accent1">
        <a:tint val="70000"/>
      </a:schemeClr>
    </dgm:fillClrLst>
    <dgm:linClrLst meth="repeat">
      <a:schemeClr val="lt1"/>
    </dgm:linClrLst>
    <dgm:effectClrLst/>
    <dgm:txLinClrLst/>
    <dgm:txFillClrLst/>
    <dgm:txEffectClrLst/>
  </dgm:styleLbl>
  <dgm:styleLbl name="lnNode1">
    <dgm:fillClrLst>
      <a:schemeClr val="accent1">
        <a:shade val="80000"/>
      </a:schemeClr>
      <a:schemeClr val="accent1">
        <a:tint val="70000"/>
      </a:schemeClr>
    </dgm:fillClrLst>
    <dgm:linClrLst meth="repeat">
      <a:schemeClr val="lt1"/>
    </dgm:linClrLst>
    <dgm:effectClrLst/>
    <dgm:txLinClrLst/>
    <dgm:txFillClrLst/>
    <dgm:txEffectClrLst/>
  </dgm:styleLbl>
  <dgm:styleLbl name="vennNode1">
    <dgm:fillClrLst>
      <a:schemeClr val="accent1">
        <a:shade val="80000"/>
        <a:alpha val="50000"/>
      </a:schemeClr>
      <a:schemeClr val="accent1">
        <a:tint val="70000"/>
        <a:alpha val="50000"/>
      </a:schemeClr>
    </dgm:fillClrLst>
    <dgm:linClrLst meth="repeat">
      <a:schemeClr val="lt1"/>
    </dgm:linClrLst>
    <dgm:effectClrLst/>
    <dgm:txLinClrLst/>
    <dgm:txFillClrLst/>
    <dgm:txEffectClrLst/>
  </dgm:styleLbl>
  <dgm:styleLbl name="node2">
    <dgm:fillClrLst>
      <a:schemeClr val="accent1">
        <a:tint val="99000"/>
      </a:schemeClr>
    </dgm:fillClrLst>
    <dgm:linClrLst meth="repeat">
      <a:schemeClr val="lt1"/>
    </dgm:linClrLst>
    <dgm:effectClrLst/>
    <dgm:txLinClrLst/>
    <dgm:txFillClrLst/>
    <dgm:txEffectClrLst/>
  </dgm:styleLbl>
  <dgm:styleLbl name="node3">
    <dgm:fillClrLst>
      <a:schemeClr val="accent1">
        <a:tint val="80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dgm:txEffectClrLst/>
  </dgm:styleLbl>
  <dgm:styleLbl name="f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b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sibTrans1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9000"/>
      </a:schemeClr>
    </dgm:fillClrLst>
    <dgm:linClrLst meth="repeat">
      <a:schemeClr val="lt1"/>
    </dgm:linClrLst>
    <dgm:effectClrLst/>
    <dgm:txLinClrLst/>
    <dgm:txFillClrLst/>
    <dgm:txEffectClrLst/>
  </dgm:styleLbl>
  <dgm:styleLbl name="asst3">
    <dgm:fillClrLst>
      <a:schemeClr val="accent1">
        <a:tint val="80000"/>
      </a:schemeClr>
    </dgm:fillClrLst>
    <dgm:linClrLst meth="repeat">
      <a:schemeClr val="lt1"/>
    </dgm:linClrLst>
    <dgm:effectClrLst/>
    <dgm:txLinClrLst/>
    <dgm:txFillClrLst/>
    <dgm:txEffectClrLst/>
  </dgm:styleLbl>
  <dgm:styleLbl name="asst4">
    <dgm:fillClrLst>
      <a:schemeClr val="accent1">
        <a:tint val="7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lt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9000"/>
      </a:schemeClr>
    </dgm:fillClrLst>
    <dgm:linClrLst meth="repeat">
      <a:schemeClr val="accent1">
        <a:tint val="99000"/>
      </a:schemeClr>
    </dgm:linClrLst>
    <dgm:effectClrLst/>
    <dgm:txLinClrLst/>
    <dgm:txFillClrLst meth="repeat">
      <a:schemeClr val="tx1"/>
    </dgm:txFillClrLst>
    <dgm:txEffectClrLst/>
  </dgm:styleLbl>
  <dgm:styleLbl name="parChTrans1D3">
    <dgm:fillClrLst meth="repeat">
      <a:schemeClr val="accent1">
        <a:tint val="80000"/>
      </a:schemeClr>
    </dgm:fillClrLst>
    <dgm:linClrLst meth="repeat">
      <a:schemeClr val="accent1">
        <a:tint val="80000"/>
      </a:schemeClr>
    </dgm:linClrLst>
    <dgm:effectClrLst/>
    <dgm:txLinClrLst/>
    <dgm:txFillClrLst meth="repeat">
      <a:schemeClr val="tx1"/>
    </dgm:txFillClrLst>
    <dgm:txEffectClrLst/>
  </dgm:styleLbl>
  <dgm:styleLbl name="parChTrans1D4">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1">
  <dgm:title val=""/>
  <dgm:desc val=""/>
  <dgm:catLst>
    <dgm:cat type="accent1" pri="11100"/>
  </dgm:catLst>
  <dgm:styleLbl name="node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1">
        <a:shade val="80000"/>
      </a:schemeClr>
    </dgm:linClrLst>
    <dgm:effectClrLst/>
    <dgm:txLinClrLst/>
    <dgm:txFillClrLst/>
    <dgm:txEffectClrLst/>
  </dgm:styleLbl>
  <dgm:styleLbl name="node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f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align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b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dgm:txEffectClrLst/>
  </dgm:styleLbl>
  <dgm:styleLbl name="parChTrans2D2">
    <dgm:fillClrLst meth="repeat">
      <a:schemeClr val="accent1"/>
    </dgm:fillClrLst>
    <dgm:linClrLst meth="repeat">
      <a:schemeClr val="accent1"/>
    </dgm:linClrLst>
    <dgm:effectClrLst/>
    <dgm:txLinClrLst/>
    <dgm:txFillClrLst/>
    <dgm:txEffectClrLst/>
  </dgm:styleLbl>
  <dgm:styleLbl name="parChTrans2D3">
    <dgm:fillClrLst meth="repeat">
      <a:schemeClr val="accent1"/>
    </dgm:fillClrLst>
    <dgm:linClrLst meth="repeat">
      <a:schemeClr val="accent1"/>
    </dgm:linClrLst>
    <dgm:effectClrLst/>
    <dgm:txLinClrLst/>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con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align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trAlignAcc1">
    <dgm:fillClrLst meth="repeat">
      <a:schemeClr val="accent1">
        <a:alpha val="40000"/>
        <a:tint val="40000"/>
      </a:schemeClr>
    </dgm:fillClrLst>
    <dgm:linClrLst meth="repeat">
      <a:schemeClr val="accent1"/>
    </dgm:linClrLst>
    <dgm:effectClrLst/>
    <dgm:txLinClrLst/>
    <dgm:txFillClrLst meth="repeat">
      <a:schemeClr val="dk1"/>
    </dgm:txFillClrLst>
    <dgm:txEffectClrLst/>
  </dgm:styleLbl>
  <dgm:styleLbl name="b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fgAcc0">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2">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3">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4">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1">
  <dgm:title val=""/>
  <dgm:desc val=""/>
  <dgm:catLst>
    <dgm:cat type="accent1" pri="11100"/>
  </dgm:catLst>
  <dgm:styleLbl name="node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1">
        <a:shade val="80000"/>
      </a:schemeClr>
    </dgm:linClrLst>
    <dgm:effectClrLst/>
    <dgm:txLinClrLst/>
    <dgm:txFillClrLst/>
    <dgm:txEffectClrLst/>
  </dgm:styleLbl>
  <dgm:styleLbl name="node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f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align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b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dgm:txEffectClrLst/>
  </dgm:styleLbl>
  <dgm:styleLbl name="parChTrans2D2">
    <dgm:fillClrLst meth="repeat">
      <a:schemeClr val="accent1"/>
    </dgm:fillClrLst>
    <dgm:linClrLst meth="repeat">
      <a:schemeClr val="accent1"/>
    </dgm:linClrLst>
    <dgm:effectClrLst/>
    <dgm:txLinClrLst/>
    <dgm:txFillClrLst/>
    <dgm:txEffectClrLst/>
  </dgm:styleLbl>
  <dgm:styleLbl name="parChTrans2D3">
    <dgm:fillClrLst meth="repeat">
      <a:schemeClr val="accent1"/>
    </dgm:fillClrLst>
    <dgm:linClrLst meth="repeat">
      <a:schemeClr val="accent1"/>
    </dgm:linClrLst>
    <dgm:effectClrLst/>
    <dgm:txLinClrLst/>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con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align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trAlignAcc1">
    <dgm:fillClrLst meth="repeat">
      <a:schemeClr val="accent1">
        <a:alpha val="40000"/>
        <a:tint val="40000"/>
      </a:schemeClr>
    </dgm:fillClrLst>
    <dgm:linClrLst meth="repeat">
      <a:schemeClr val="accent1"/>
    </dgm:linClrLst>
    <dgm:effectClrLst/>
    <dgm:txLinClrLst/>
    <dgm:txFillClrLst meth="repeat">
      <a:schemeClr val="dk1"/>
    </dgm:txFillClrLst>
    <dgm:txEffectClrLst/>
  </dgm:styleLbl>
  <dgm:styleLbl name="b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fgAcc0">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2">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3">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4">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1">
  <dgm:title val=""/>
  <dgm:desc val=""/>
  <dgm:catLst>
    <dgm:cat type="accent1" pri="11100"/>
  </dgm:catLst>
  <dgm:styleLbl name="node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1">
        <a:shade val="80000"/>
      </a:schemeClr>
    </dgm:linClrLst>
    <dgm:effectClrLst/>
    <dgm:txLinClrLst/>
    <dgm:txFillClrLst/>
    <dgm:txEffectClrLst/>
  </dgm:styleLbl>
  <dgm:styleLbl name="node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f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align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b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dgm:txEffectClrLst/>
  </dgm:styleLbl>
  <dgm:styleLbl name="parChTrans2D2">
    <dgm:fillClrLst meth="repeat">
      <a:schemeClr val="accent1"/>
    </dgm:fillClrLst>
    <dgm:linClrLst meth="repeat">
      <a:schemeClr val="accent1"/>
    </dgm:linClrLst>
    <dgm:effectClrLst/>
    <dgm:txLinClrLst/>
    <dgm:txFillClrLst/>
    <dgm:txEffectClrLst/>
  </dgm:styleLbl>
  <dgm:styleLbl name="parChTrans2D3">
    <dgm:fillClrLst meth="repeat">
      <a:schemeClr val="accent1"/>
    </dgm:fillClrLst>
    <dgm:linClrLst meth="repeat">
      <a:schemeClr val="accent1"/>
    </dgm:linClrLst>
    <dgm:effectClrLst/>
    <dgm:txLinClrLst/>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con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align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trAlignAcc1">
    <dgm:fillClrLst meth="repeat">
      <a:schemeClr val="accent1">
        <a:alpha val="40000"/>
        <a:tint val="40000"/>
      </a:schemeClr>
    </dgm:fillClrLst>
    <dgm:linClrLst meth="repeat">
      <a:schemeClr val="accent1"/>
    </dgm:linClrLst>
    <dgm:effectClrLst/>
    <dgm:txLinClrLst/>
    <dgm:txFillClrLst meth="repeat">
      <a:schemeClr val="dk1"/>
    </dgm:txFillClrLst>
    <dgm:txEffectClrLst/>
  </dgm:styleLbl>
  <dgm:styleLbl name="b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fgAcc0">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2">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3">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4">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1">
  <dgm:title val=""/>
  <dgm:desc val=""/>
  <dgm:catLst>
    <dgm:cat type="accent1" pri="11100"/>
  </dgm:catLst>
  <dgm:styleLbl name="node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1">
        <a:shade val="80000"/>
      </a:schemeClr>
    </dgm:linClrLst>
    <dgm:effectClrLst/>
    <dgm:txLinClrLst/>
    <dgm:txFillClrLst/>
    <dgm:txEffectClrLst/>
  </dgm:styleLbl>
  <dgm:styleLbl name="node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f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align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b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dgm:txEffectClrLst/>
  </dgm:styleLbl>
  <dgm:styleLbl name="parChTrans2D2">
    <dgm:fillClrLst meth="repeat">
      <a:schemeClr val="accent1"/>
    </dgm:fillClrLst>
    <dgm:linClrLst meth="repeat">
      <a:schemeClr val="accent1"/>
    </dgm:linClrLst>
    <dgm:effectClrLst/>
    <dgm:txLinClrLst/>
    <dgm:txFillClrLst/>
    <dgm:txEffectClrLst/>
  </dgm:styleLbl>
  <dgm:styleLbl name="parChTrans2D3">
    <dgm:fillClrLst meth="repeat">
      <a:schemeClr val="accent1"/>
    </dgm:fillClrLst>
    <dgm:linClrLst meth="repeat">
      <a:schemeClr val="accent1"/>
    </dgm:linClrLst>
    <dgm:effectClrLst/>
    <dgm:txLinClrLst/>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con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align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trAlignAcc1">
    <dgm:fillClrLst meth="repeat">
      <a:schemeClr val="accent1">
        <a:alpha val="40000"/>
        <a:tint val="40000"/>
      </a:schemeClr>
    </dgm:fillClrLst>
    <dgm:linClrLst meth="repeat">
      <a:schemeClr val="accent1"/>
    </dgm:linClrLst>
    <dgm:effectClrLst/>
    <dgm:txLinClrLst/>
    <dgm:txFillClrLst meth="repeat">
      <a:schemeClr val="dk1"/>
    </dgm:txFillClrLst>
    <dgm:txEffectClrLst/>
  </dgm:styleLbl>
  <dgm:styleLbl name="b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fgAcc0">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2">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3">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4">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1_1">
  <dgm:title val=""/>
  <dgm:desc val=""/>
  <dgm:catLst>
    <dgm:cat type="accent1" pri="11100"/>
  </dgm:catLst>
  <dgm:styleLbl name="node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1">
        <a:shade val="80000"/>
      </a:schemeClr>
    </dgm:linClrLst>
    <dgm:effectClrLst/>
    <dgm:txLinClrLst/>
    <dgm:txFillClrLst/>
    <dgm:txEffectClrLst/>
  </dgm:styleLbl>
  <dgm:styleLbl name="node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f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align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b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dgm:txEffectClrLst/>
  </dgm:styleLbl>
  <dgm:styleLbl name="parChTrans2D2">
    <dgm:fillClrLst meth="repeat">
      <a:schemeClr val="accent1"/>
    </dgm:fillClrLst>
    <dgm:linClrLst meth="repeat">
      <a:schemeClr val="accent1"/>
    </dgm:linClrLst>
    <dgm:effectClrLst/>
    <dgm:txLinClrLst/>
    <dgm:txFillClrLst/>
    <dgm:txEffectClrLst/>
  </dgm:styleLbl>
  <dgm:styleLbl name="parChTrans2D3">
    <dgm:fillClrLst meth="repeat">
      <a:schemeClr val="accent1"/>
    </dgm:fillClrLst>
    <dgm:linClrLst meth="repeat">
      <a:schemeClr val="accent1"/>
    </dgm:linClrLst>
    <dgm:effectClrLst/>
    <dgm:txLinClrLst/>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con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align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trAlignAcc1">
    <dgm:fillClrLst meth="repeat">
      <a:schemeClr val="accent1">
        <a:alpha val="40000"/>
        <a:tint val="40000"/>
      </a:schemeClr>
    </dgm:fillClrLst>
    <dgm:linClrLst meth="repeat">
      <a:schemeClr val="accent1"/>
    </dgm:linClrLst>
    <dgm:effectClrLst/>
    <dgm:txLinClrLst/>
    <dgm:txFillClrLst meth="repeat">
      <a:schemeClr val="dk1"/>
    </dgm:txFillClrLst>
    <dgm:txEffectClrLst/>
  </dgm:styleLbl>
  <dgm:styleLbl name="b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fgAcc0">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2">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3">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4">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38F6232A-027D-4675-AFDB-DA40299B2E9F}" type="doc">
      <dgm:prSet loTypeId="urn:diagrams.loki3.com/BracketList" loCatId="list" qsTypeId="urn:microsoft.com/office/officeart/2005/8/quickstyle/simple3" qsCatId="simple" csTypeId="urn:microsoft.com/office/officeart/2005/8/colors/accent1_2" csCatId="accent1" phldr="1"/>
      <dgm:spPr/>
      <dgm:t>
        <a:bodyPr/>
        <a:lstStyle/>
        <a:p>
          <a:endParaRPr lang="en-GB"/>
        </a:p>
      </dgm:t>
    </dgm:pt>
    <dgm:pt modelId="{AB3AF666-9C52-47A8-81CF-1B5779F007BD}">
      <dgm:prSet/>
      <dgm:spPr/>
      <dgm:t>
        <a:bodyPr/>
        <a:lstStyle/>
        <a:p>
          <a:r>
            <a:rPr lang="en-GB"/>
            <a:t>Applies when there is a:</a:t>
          </a:r>
        </a:p>
      </dgm:t>
    </dgm:pt>
    <dgm:pt modelId="{149B05E0-7BA9-48C6-AFDF-2A391B4631CB}" type="parTrans" cxnId="{FFDF68DC-BE32-44D5-853F-C281D8F86161}">
      <dgm:prSet/>
      <dgm:spPr/>
      <dgm:t>
        <a:bodyPr/>
        <a:lstStyle/>
        <a:p>
          <a:endParaRPr lang="en-GB"/>
        </a:p>
      </dgm:t>
    </dgm:pt>
    <dgm:pt modelId="{32E76CBD-5243-4A03-84C8-117F342F52E6}" type="sibTrans" cxnId="{FFDF68DC-BE32-44D5-853F-C281D8F86161}">
      <dgm:prSet/>
      <dgm:spPr/>
      <dgm:t>
        <a:bodyPr/>
        <a:lstStyle/>
        <a:p>
          <a:endParaRPr lang="en-GB"/>
        </a:p>
      </dgm:t>
    </dgm:pt>
    <dgm:pt modelId="{2174C8E8-D885-47B0-86D2-A6FBBC0E2330}">
      <dgm:prSet/>
      <dgm:spPr>
        <a:solidFill>
          <a:srgbClr val="C9FFFA"/>
        </a:solidFill>
        <a:ln>
          <a:noFill/>
        </a:ln>
      </dgm:spPr>
      <dgm:t>
        <a:bodyPr/>
        <a:lstStyle/>
        <a:p>
          <a:r>
            <a:rPr lang="en-GB" dirty="0"/>
            <a:t>transfer of an </a:t>
          </a:r>
          <a:r>
            <a:rPr lang="en-GB" dirty="0">
              <a:solidFill>
                <a:srgbClr val="FF0000"/>
              </a:solidFill>
            </a:rPr>
            <a:t>undertaking</a:t>
          </a:r>
          <a:r>
            <a:rPr lang="en-GB" dirty="0"/>
            <a:t>, business or </a:t>
          </a:r>
          <a:r>
            <a:rPr lang="en-GB" dirty="0">
              <a:solidFill>
                <a:srgbClr val="FF0000"/>
              </a:solidFill>
            </a:rPr>
            <a:t>part of a business</a:t>
          </a:r>
          <a:r>
            <a:rPr lang="en-GB" dirty="0"/>
            <a:t> situated immediately before the transfer in the UK where there is a transfer of an </a:t>
          </a:r>
          <a:r>
            <a:rPr lang="en-GB" dirty="0">
              <a:solidFill>
                <a:srgbClr val="FF0000"/>
              </a:solidFill>
            </a:rPr>
            <a:t>economic entity </a:t>
          </a:r>
          <a:r>
            <a:rPr lang="en-GB" dirty="0"/>
            <a:t>which </a:t>
          </a:r>
          <a:r>
            <a:rPr lang="en-GB" dirty="0">
              <a:solidFill>
                <a:srgbClr val="FF0000"/>
              </a:solidFill>
            </a:rPr>
            <a:t>retains its identity</a:t>
          </a:r>
        </a:p>
      </dgm:t>
    </dgm:pt>
    <dgm:pt modelId="{72A85B39-545E-457E-8692-ACED3B62B0B2}" type="parTrans" cxnId="{BAA18233-0D59-4C19-B097-432D14C7EBBD}">
      <dgm:prSet/>
      <dgm:spPr/>
      <dgm:t>
        <a:bodyPr/>
        <a:lstStyle/>
        <a:p>
          <a:endParaRPr lang="en-GB"/>
        </a:p>
      </dgm:t>
    </dgm:pt>
    <dgm:pt modelId="{8F6A27BA-BF6E-49F4-B9CB-52C3907B36EF}" type="sibTrans" cxnId="{BAA18233-0D59-4C19-B097-432D14C7EBBD}">
      <dgm:prSet/>
      <dgm:spPr/>
      <dgm:t>
        <a:bodyPr/>
        <a:lstStyle/>
        <a:p>
          <a:endParaRPr lang="en-GB"/>
        </a:p>
      </dgm:t>
    </dgm:pt>
    <dgm:pt modelId="{57F947C8-A1E7-4E86-89FC-C0D23B434D5C}">
      <dgm:prSet/>
      <dgm:spPr>
        <a:solidFill>
          <a:srgbClr val="C9FFFA"/>
        </a:solidFill>
        <a:ln>
          <a:noFill/>
        </a:ln>
      </dgm:spPr>
      <dgm:t>
        <a:bodyPr/>
        <a:lstStyle/>
        <a:p>
          <a:r>
            <a:rPr lang="en-GB" dirty="0"/>
            <a:t>Multi-</a:t>
          </a:r>
          <a:r>
            <a:rPr lang="en-GB" dirty="0" err="1"/>
            <a:t>factoral</a:t>
          </a:r>
          <a:r>
            <a:rPr lang="en-GB" dirty="0"/>
            <a:t> test </a:t>
          </a:r>
        </a:p>
      </dgm:t>
    </dgm:pt>
    <dgm:pt modelId="{DB063626-E642-4BE4-874D-35A9AE175511}" type="parTrans" cxnId="{08F6B150-6DD4-4E22-B08B-D4A06C71CC1D}">
      <dgm:prSet/>
      <dgm:spPr/>
      <dgm:t>
        <a:bodyPr/>
        <a:lstStyle/>
        <a:p>
          <a:endParaRPr lang="en-GB"/>
        </a:p>
      </dgm:t>
    </dgm:pt>
    <dgm:pt modelId="{395BE445-E2B4-4A23-AE8E-C212BB6E7EAB}" type="sibTrans" cxnId="{08F6B150-6DD4-4E22-B08B-D4A06C71CC1D}">
      <dgm:prSet/>
      <dgm:spPr/>
      <dgm:t>
        <a:bodyPr/>
        <a:lstStyle/>
        <a:p>
          <a:endParaRPr lang="en-GB"/>
        </a:p>
      </dgm:t>
    </dgm:pt>
    <dgm:pt modelId="{ADD6A657-DE5E-4247-B54A-7C549D0C4A46}">
      <dgm:prSet/>
      <dgm:spPr>
        <a:solidFill>
          <a:srgbClr val="C9FFFA"/>
        </a:solidFill>
        <a:ln>
          <a:noFill/>
        </a:ln>
      </dgm:spPr>
      <dgm:t>
        <a:bodyPr/>
        <a:lstStyle/>
        <a:p>
          <a:r>
            <a:rPr lang="en-GB" dirty="0"/>
            <a:t>An organised grouping of resources that has the objective of pursuing an economic activity</a:t>
          </a:r>
        </a:p>
      </dgm:t>
    </dgm:pt>
    <dgm:pt modelId="{B6A44861-5893-4BAE-9D0F-0D7486A0FFC6}" type="parTrans" cxnId="{0C2198AD-4CBD-4798-978C-A613E2EA0C61}">
      <dgm:prSet/>
      <dgm:spPr/>
      <dgm:t>
        <a:bodyPr/>
        <a:lstStyle/>
        <a:p>
          <a:endParaRPr lang="en-GB"/>
        </a:p>
      </dgm:t>
    </dgm:pt>
    <dgm:pt modelId="{E3C76AD3-737E-4ABA-953E-3071734FA6C3}" type="sibTrans" cxnId="{0C2198AD-4CBD-4798-978C-A613E2EA0C61}">
      <dgm:prSet/>
      <dgm:spPr/>
      <dgm:t>
        <a:bodyPr/>
        <a:lstStyle/>
        <a:p>
          <a:endParaRPr lang="en-GB"/>
        </a:p>
      </dgm:t>
    </dgm:pt>
    <dgm:pt modelId="{7A375131-FA59-4836-A8BB-C51382800162}">
      <dgm:prSet/>
      <dgm:spPr>
        <a:solidFill>
          <a:srgbClr val="C9FFFA"/>
        </a:solidFill>
        <a:ln>
          <a:noFill/>
        </a:ln>
      </dgm:spPr>
      <dgm:t>
        <a:bodyPr/>
        <a:lstStyle/>
        <a:p>
          <a:r>
            <a:rPr lang="en-GB" dirty="0"/>
            <a:t>Self contained and severable</a:t>
          </a:r>
        </a:p>
      </dgm:t>
    </dgm:pt>
    <dgm:pt modelId="{094CC408-E106-4E65-8819-AFEA500EE183}" type="parTrans" cxnId="{38B4BCE7-B77D-458A-A4CB-4A08FFCF5F71}">
      <dgm:prSet/>
      <dgm:spPr/>
      <dgm:t>
        <a:bodyPr/>
        <a:lstStyle/>
        <a:p>
          <a:endParaRPr lang="en-GB"/>
        </a:p>
      </dgm:t>
    </dgm:pt>
    <dgm:pt modelId="{D3D1B697-E87A-4E0F-8B4E-62C4DA9C3762}" type="sibTrans" cxnId="{38B4BCE7-B77D-458A-A4CB-4A08FFCF5F71}">
      <dgm:prSet/>
      <dgm:spPr/>
      <dgm:t>
        <a:bodyPr/>
        <a:lstStyle/>
        <a:p>
          <a:endParaRPr lang="en-GB"/>
        </a:p>
      </dgm:t>
    </dgm:pt>
    <dgm:pt modelId="{7A8E2472-7AE2-4E52-80B7-71926036F2D4}">
      <dgm:prSet/>
      <dgm:spPr>
        <a:solidFill>
          <a:srgbClr val="C9FFFA"/>
        </a:solidFill>
        <a:ln>
          <a:noFill/>
        </a:ln>
      </dgm:spPr>
      <dgm:t>
        <a:bodyPr/>
        <a:lstStyle/>
        <a:p>
          <a:pPr>
            <a:buClr>
              <a:schemeClr val="tx1"/>
            </a:buClr>
          </a:pPr>
          <a:r>
            <a:rPr lang="en-GB" dirty="0">
              <a:solidFill>
                <a:srgbClr val="FF0000"/>
              </a:solidFill>
            </a:rPr>
            <a:t>This test CAN apply to service provision changes</a:t>
          </a:r>
        </a:p>
      </dgm:t>
    </dgm:pt>
    <dgm:pt modelId="{CFCDE41B-6C39-499F-8023-C746E6F7B6DF}" type="parTrans" cxnId="{432B50A3-40F8-4C64-B902-5C64EAFE754D}">
      <dgm:prSet/>
      <dgm:spPr/>
      <dgm:t>
        <a:bodyPr/>
        <a:lstStyle/>
        <a:p>
          <a:endParaRPr lang="en-GB"/>
        </a:p>
      </dgm:t>
    </dgm:pt>
    <dgm:pt modelId="{7B215B8A-F3BC-42E8-9A25-2014182218C1}" type="sibTrans" cxnId="{432B50A3-40F8-4C64-B902-5C64EAFE754D}">
      <dgm:prSet/>
      <dgm:spPr/>
      <dgm:t>
        <a:bodyPr/>
        <a:lstStyle/>
        <a:p>
          <a:endParaRPr lang="en-GB"/>
        </a:p>
      </dgm:t>
    </dgm:pt>
    <dgm:pt modelId="{465CF54E-7BE4-49FD-8E1F-1D33BF771187}" type="pres">
      <dgm:prSet presAssocID="{38F6232A-027D-4675-AFDB-DA40299B2E9F}" presName="Name0" presStyleCnt="0">
        <dgm:presLayoutVars>
          <dgm:dir/>
          <dgm:animLvl val="lvl"/>
          <dgm:resizeHandles val="exact"/>
        </dgm:presLayoutVars>
      </dgm:prSet>
      <dgm:spPr/>
    </dgm:pt>
    <dgm:pt modelId="{E13CD71C-17DE-4CBE-86D6-15DA8D84F433}" type="pres">
      <dgm:prSet presAssocID="{AB3AF666-9C52-47A8-81CF-1B5779F007BD}" presName="linNode" presStyleCnt="0"/>
      <dgm:spPr/>
    </dgm:pt>
    <dgm:pt modelId="{1E6138C5-F8AA-4F48-A2F7-F189D917D968}" type="pres">
      <dgm:prSet presAssocID="{AB3AF666-9C52-47A8-81CF-1B5779F007BD}" presName="parTx" presStyleLbl="revTx" presStyleIdx="0" presStyleCnt="1">
        <dgm:presLayoutVars>
          <dgm:chMax val="1"/>
          <dgm:bulletEnabled val="1"/>
        </dgm:presLayoutVars>
      </dgm:prSet>
      <dgm:spPr/>
    </dgm:pt>
    <dgm:pt modelId="{E840635F-A2A7-4028-A301-46D59A3FDDD2}" type="pres">
      <dgm:prSet presAssocID="{AB3AF666-9C52-47A8-81CF-1B5779F007BD}" presName="bracket" presStyleLbl="parChTrans1D1" presStyleIdx="0" presStyleCnt="1"/>
      <dgm:spPr/>
    </dgm:pt>
    <dgm:pt modelId="{4F6F49D0-6FA0-4A0A-AE75-F718E3650B28}" type="pres">
      <dgm:prSet presAssocID="{AB3AF666-9C52-47A8-81CF-1B5779F007BD}" presName="spH" presStyleCnt="0"/>
      <dgm:spPr/>
    </dgm:pt>
    <dgm:pt modelId="{594647DC-125A-466E-BA34-C80F7C9B351D}" type="pres">
      <dgm:prSet presAssocID="{AB3AF666-9C52-47A8-81CF-1B5779F007BD}" presName="desTx" presStyleLbl="node1" presStyleIdx="0" presStyleCnt="1">
        <dgm:presLayoutVars>
          <dgm:bulletEnabled val="1"/>
        </dgm:presLayoutVars>
      </dgm:prSet>
      <dgm:spPr>
        <a:prstGeom prst="roundRect">
          <a:avLst/>
        </a:prstGeom>
      </dgm:spPr>
    </dgm:pt>
  </dgm:ptLst>
  <dgm:cxnLst>
    <dgm:cxn modelId="{30A16F21-36CB-4170-9FC2-2E4E66D1ECE0}" type="presOf" srcId="{2174C8E8-D885-47B0-86D2-A6FBBC0E2330}" destId="{594647DC-125A-466E-BA34-C80F7C9B351D}" srcOrd="0" destOrd="0" presId="urn:diagrams.loki3.com/BracketList"/>
    <dgm:cxn modelId="{773CB12A-7ACF-4E57-BCDA-957257603339}" type="presOf" srcId="{7A375131-FA59-4836-A8BB-C51382800162}" destId="{594647DC-125A-466E-BA34-C80F7C9B351D}" srcOrd="0" destOrd="3" presId="urn:diagrams.loki3.com/BracketList"/>
    <dgm:cxn modelId="{BAA18233-0D59-4C19-B097-432D14C7EBBD}" srcId="{AB3AF666-9C52-47A8-81CF-1B5779F007BD}" destId="{2174C8E8-D885-47B0-86D2-A6FBBC0E2330}" srcOrd="0" destOrd="0" parTransId="{72A85B39-545E-457E-8692-ACED3B62B0B2}" sibTransId="{8F6A27BA-BF6E-49F4-B9CB-52C3907B36EF}"/>
    <dgm:cxn modelId="{8BDBC163-C47A-412D-A8DD-600ED1CA3357}" type="presOf" srcId="{38F6232A-027D-4675-AFDB-DA40299B2E9F}" destId="{465CF54E-7BE4-49FD-8E1F-1D33BF771187}" srcOrd="0" destOrd="0" presId="urn:diagrams.loki3.com/BracketList"/>
    <dgm:cxn modelId="{08F6B150-6DD4-4E22-B08B-D4A06C71CC1D}" srcId="{AB3AF666-9C52-47A8-81CF-1B5779F007BD}" destId="{57F947C8-A1E7-4E86-89FC-C0D23B434D5C}" srcOrd="1" destOrd="0" parTransId="{DB063626-E642-4BE4-874D-35A9AE175511}" sibTransId="{395BE445-E2B4-4A23-AE8E-C212BB6E7EAB}"/>
    <dgm:cxn modelId="{F2DC9C58-2FCC-4A48-A89F-A34D17175832}" type="presOf" srcId="{57F947C8-A1E7-4E86-89FC-C0D23B434D5C}" destId="{594647DC-125A-466E-BA34-C80F7C9B351D}" srcOrd="0" destOrd="1" presId="urn:diagrams.loki3.com/BracketList"/>
    <dgm:cxn modelId="{B62DC259-E3D1-4D40-B92E-A226C7BFF2A1}" type="presOf" srcId="{AB3AF666-9C52-47A8-81CF-1B5779F007BD}" destId="{1E6138C5-F8AA-4F48-A2F7-F189D917D968}" srcOrd="0" destOrd="0" presId="urn:diagrams.loki3.com/BracketList"/>
    <dgm:cxn modelId="{F080449C-4646-42D0-8C2C-D2C3986C72DE}" type="presOf" srcId="{7A8E2472-7AE2-4E52-80B7-71926036F2D4}" destId="{594647DC-125A-466E-BA34-C80F7C9B351D}" srcOrd="0" destOrd="4" presId="urn:diagrams.loki3.com/BracketList"/>
    <dgm:cxn modelId="{432B50A3-40F8-4C64-B902-5C64EAFE754D}" srcId="{AB3AF666-9C52-47A8-81CF-1B5779F007BD}" destId="{7A8E2472-7AE2-4E52-80B7-71926036F2D4}" srcOrd="4" destOrd="0" parTransId="{CFCDE41B-6C39-499F-8023-C746E6F7B6DF}" sibTransId="{7B215B8A-F3BC-42E8-9A25-2014182218C1}"/>
    <dgm:cxn modelId="{0C2198AD-4CBD-4798-978C-A613E2EA0C61}" srcId="{AB3AF666-9C52-47A8-81CF-1B5779F007BD}" destId="{ADD6A657-DE5E-4247-B54A-7C549D0C4A46}" srcOrd="2" destOrd="0" parTransId="{B6A44861-5893-4BAE-9D0F-0D7486A0FFC6}" sibTransId="{E3C76AD3-737E-4ABA-953E-3071734FA6C3}"/>
    <dgm:cxn modelId="{B03DC0AD-AD0D-4550-BC52-C341CD5A455F}" type="presOf" srcId="{ADD6A657-DE5E-4247-B54A-7C549D0C4A46}" destId="{594647DC-125A-466E-BA34-C80F7C9B351D}" srcOrd="0" destOrd="2" presId="urn:diagrams.loki3.com/BracketList"/>
    <dgm:cxn modelId="{FFDF68DC-BE32-44D5-853F-C281D8F86161}" srcId="{38F6232A-027D-4675-AFDB-DA40299B2E9F}" destId="{AB3AF666-9C52-47A8-81CF-1B5779F007BD}" srcOrd="0" destOrd="0" parTransId="{149B05E0-7BA9-48C6-AFDF-2A391B4631CB}" sibTransId="{32E76CBD-5243-4A03-84C8-117F342F52E6}"/>
    <dgm:cxn modelId="{38B4BCE7-B77D-458A-A4CB-4A08FFCF5F71}" srcId="{AB3AF666-9C52-47A8-81CF-1B5779F007BD}" destId="{7A375131-FA59-4836-A8BB-C51382800162}" srcOrd="3" destOrd="0" parTransId="{094CC408-E106-4E65-8819-AFEA500EE183}" sibTransId="{D3D1B697-E87A-4E0F-8B4E-62C4DA9C3762}"/>
    <dgm:cxn modelId="{62465D59-AB3F-4712-B66F-0B0465175F14}" type="presParOf" srcId="{465CF54E-7BE4-49FD-8E1F-1D33BF771187}" destId="{E13CD71C-17DE-4CBE-86D6-15DA8D84F433}" srcOrd="0" destOrd="0" presId="urn:diagrams.loki3.com/BracketList"/>
    <dgm:cxn modelId="{627CAD0A-CDD9-4E88-8EBB-80E025A45ED3}" type="presParOf" srcId="{E13CD71C-17DE-4CBE-86D6-15DA8D84F433}" destId="{1E6138C5-F8AA-4F48-A2F7-F189D917D968}" srcOrd="0" destOrd="0" presId="urn:diagrams.loki3.com/BracketList"/>
    <dgm:cxn modelId="{83AD498D-DC83-4AEB-A73E-54B31F64C032}" type="presParOf" srcId="{E13CD71C-17DE-4CBE-86D6-15DA8D84F433}" destId="{E840635F-A2A7-4028-A301-46D59A3FDDD2}" srcOrd="1" destOrd="0" presId="urn:diagrams.loki3.com/BracketList"/>
    <dgm:cxn modelId="{AFF1C8C7-0844-413F-A5BE-C763252BC9A8}" type="presParOf" srcId="{E13CD71C-17DE-4CBE-86D6-15DA8D84F433}" destId="{4F6F49D0-6FA0-4A0A-AE75-F718E3650B28}" srcOrd="2" destOrd="0" presId="urn:diagrams.loki3.com/BracketList"/>
    <dgm:cxn modelId="{1CA22B72-B3BD-4D3C-96BA-BFC8B6C41FD9}" type="presParOf" srcId="{E13CD71C-17DE-4CBE-86D6-15DA8D84F433}" destId="{594647DC-125A-466E-BA34-C80F7C9B351D}" srcOrd="3" destOrd="0" presId="urn:diagrams.loki3.com/Bracket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0.xml><?xml version="1.0" encoding="utf-8"?>
<dgm:dataModel xmlns:dgm="http://schemas.openxmlformats.org/drawingml/2006/diagram" xmlns:a="http://schemas.openxmlformats.org/drawingml/2006/main">
  <dgm:ptLst>
    <dgm:pt modelId="{290E104E-C359-49C5-B978-4AEF6A62E477}" type="doc">
      <dgm:prSet loTypeId="urn:microsoft.com/office/officeart/2018/2/layout/IconCircleList" loCatId="icon" qsTypeId="urn:microsoft.com/office/officeart/2005/8/quickstyle/simple1" qsCatId="simple" csTypeId="urn:microsoft.com/office/officeart/2005/8/colors/accent3_2" csCatId="accent3" phldr="1"/>
      <dgm:spPr/>
      <dgm:t>
        <a:bodyPr/>
        <a:lstStyle/>
        <a:p>
          <a:endParaRPr lang="en-US"/>
        </a:p>
      </dgm:t>
    </dgm:pt>
    <dgm:pt modelId="{1AAD77A8-3488-4C19-BDFF-FB882F49A39F}">
      <dgm:prSet custT="1"/>
      <dgm:spPr/>
      <dgm:t>
        <a:bodyPr/>
        <a:lstStyle/>
        <a:p>
          <a:r>
            <a:rPr lang="en-GB" sz="1800" dirty="0"/>
            <a:t>Unlikely to be discovered until after the transfer</a:t>
          </a:r>
          <a:endParaRPr lang="en-US" sz="1800" dirty="0"/>
        </a:p>
      </dgm:t>
    </dgm:pt>
    <dgm:pt modelId="{73107677-5720-4006-BD20-97740724E18F}" type="parTrans" cxnId="{D24F2DCE-5E26-4364-A101-9CDFCDC8AFFF}">
      <dgm:prSet/>
      <dgm:spPr/>
      <dgm:t>
        <a:bodyPr/>
        <a:lstStyle/>
        <a:p>
          <a:endParaRPr lang="en-US"/>
        </a:p>
      </dgm:t>
    </dgm:pt>
    <dgm:pt modelId="{F843DEF9-BA43-406D-87A2-E44C881C229D}" type="sibTrans" cxnId="{D24F2DCE-5E26-4364-A101-9CDFCDC8AFFF}">
      <dgm:prSet/>
      <dgm:spPr/>
      <dgm:t>
        <a:bodyPr/>
        <a:lstStyle/>
        <a:p>
          <a:endParaRPr lang="en-US"/>
        </a:p>
      </dgm:t>
    </dgm:pt>
    <dgm:pt modelId="{77907BC3-2725-486B-ABCB-596149423255}">
      <dgm:prSet custT="1"/>
      <dgm:spPr/>
      <dgm:t>
        <a:bodyPr/>
        <a:lstStyle/>
        <a:p>
          <a:r>
            <a:rPr lang="en-GB" sz="1800" dirty="0"/>
            <a:t>May be a tribunal claim against outgoing service provider, but not all employee information is covered by ELI</a:t>
          </a:r>
          <a:endParaRPr lang="en-US" sz="1800" dirty="0"/>
        </a:p>
      </dgm:t>
    </dgm:pt>
    <dgm:pt modelId="{CDE75DCC-EE21-499A-ABE1-1237B8B495BD}" type="parTrans" cxnId="{25561700-9AAF-47B5-B0E2-19E2A7210156}">
      <dgm:prSet/>
      <dgm:spPr/>
      <dgm:t>
        <a:bodyPr/>
        <a:lstStyle/>
        <a:p>
          <a:endParaRPr lang="en-US"/>
        </a:p>
      </dgm:t>
    </dgm:pt>
    <dgm:pt modelId="{4AD3811B-8D41-4DF9-86B2-041F4BC8CB8A}" type="sibTrans" cxnId="{25561700-9AAF-47B5-B0E2-19E2A7210156}">
      <dgm:prSet/>
      <dgm:spPr/>
      <dgm:t>
        <a:bodyPr/>
        <a:lstStyle/>
        <a:p>
          <a:endParaRPr lang="en-US"/>
        </a:p>
      </dgm:t>
    </dgm:pt>
    <dgm:pt modelId="{EF2CB658-5288-4FD0-ABC5-06AEE6C9C1D1}">
      <dgm:prSet custT="1"/>
      <dgm:spPr/>
      <dgm:t>
        <a:bodyPr/>
        <a:lstStyle/>
        <a:p>
          <a:r>
            <a:rPr lang="en-GB" sz="1800" dirty="0"/>
            <a:t>May be a commercial remedy against the client if they have promised to ensure accurate information is provided by outgoing service provider</a:t>
          </a:r>
          <a:endParaRPr lang="en-US" sz="1800" dirty="0"/>
        </a:p>
      </dgm:t>
    </dgm:pt>
    <dgm:pt modelId="{67BA3252-D886-4451-A3C3-533ECD58A96F}" type="parTrans" cxnId="{FF0B6427-1988-4D35-B2F6-795100BFE166}">
      <dgm:prSet/>
      <dgm:spPr/>
      <dgm:t>
        <a:bodyPr/>
        <a:lstStyle/>
        <a:p>
          <a:endParaRPr lang="en-US"/>
        </a:p>
      </dgm:t>
    </dgm:pt>
    <dgm:pt modelId="{22642890-1A82-41A4-8AFD-F5C78C6CD724}" type="sibTrans" cxnId="{FF0B6427-1988-4D35-B2F6-795100BFE166}">
      <dgm:prSet/>
      <dgm:spPr/>
      <dgm:t>
        <a:bodyPr/>
        <a:lstStyle/>
        <a:p>
          <a:endParaRPr lang="en-US"/>
        </a:p>
      </dgm:t>
    </dgm:pt>
    <dgm:pt modelId="{F8B74D86-D006-4EDC-B7FC-DDD5AF96C02C}">
      <dgm:prSet/>
      <dgm:spPr/>
      <dgm:t>
        <a:bodyPr/>
        <a:lstStyle/>
        <a:p>
          <a:r>
            <a:rPr lang="en-GB" dirty="0"/>
            <a:t>Can engage with outgoing service provider post-transfer to try to obtain full details</a:t>
          </a:r>
          <a:endParaRPr lang="en-US" dirty="0"/>
        </a:p>
      </dgm:t>
    </dgm:pt>
    <dgm:pt modelId="{08FECCEF-CA37-4C60-A969-B97B2CC31F65}" type="parTrans" cxnId="{50E3AAA6-89C4-4775-A5FB-C8B0FC64AD89}">
      <dgm:prSet/>
      <dgm:spPr/>
      <dgm:t>
        <a:bodyPr/>
        <a:lstStyle/>
        <a:p>
          <a:endParaRPr lang="en-US"/>
        </a:p>
      </dgm:t>
    </dgm:pt>
    <dgm:pt modelId="{5CA8B393-D8B5-4A40-8F5C-F2C6FAEDF11E}" type="sibTrans" cxnId="{50E3AAA6-89C4-4775-A5FB-C8B0FC64AD89}">
      <dgm:prSet/>
      <dgm:spPr/>
      <dgm:t>
        <a:bodyPr/>
        <a:lstStyle/>
        <a:p>
          <a:endParaRPr lang="en-US"/>
        </a:p>
      </dgm:t>
    </dgm:pt>
    <dgm:pt modelId="{CB665D8B-72BA-4715-ABDA-0ACD89A3FE48}">
      <dgm:prSet custT="1"/>
      <dgm:spPr/>
      <dgm:t>
        <a:bodyPr/>
        <a:lstStyle/>
        <a:p>
          <a:r>
            <a:rPr lang="en-GB" sz="1800" dirty="0"/>
            <a:t>Engage with employees to fill gaps, explaining former employer may not have provided accurate information </a:t>
          </a:r>
          <a:endParaRPr lang="en-US" sz="1800" dirty="0"/>
        </a:p>
      </dgm:t>
    </dgm:pt>
    <dgm:pt modelId="{338F1C84-98C6-4BA7-B61D-17D66ED297E8}" type="parTrans" cxnId="{615646BD-ACFE-4946-9083-4D59AF0EFD24}">
      <dgm:prSet/>
      <dgm:spPr/>
      <dgm:t>
        <a:bodyPr/>
        <a:lstStyle/>
        <a:p>
          <a:endParaRPr lang="en-US"/>
        </a:p>
      </dgm:t>
    </dgm:pt>
    <dgm:pt modelId="{18E3E271-8DBA-4384-AABE-01BE46E32C41}" type="sibTrans" cxnId="{615646BD-ACFE-4946-9083-4D59AF0EFD24}">
      <dgm:prSet/>
      <dgm:spPr/>
      <dgm:t>
        <a:bodyPr/>
        <a:lstStyle/>
        <a:p>
          <a:endParaRPr lang="en-US"/>
        </a:p>
      </dgm:t>
    </dgm:pt>
    <dgm:pt modelId="{4D779F66-73AB-4EB1-B445-A0AB77874DDD}" type="pres">
      <dgm:prSet presAssocID="{290E104E-C359-49C5-B978-4AEF6A62E477}" presName="root" presStyleCnt="0">
        <dgm:presLayoutVars>
          <dgm:dir/>
          <dgm:resizeHandles val="exact"/>
        </dgm:presLayoutVars>
      </dgm:prSet>
      <dgm:spPr/>
    </dgm:pt>
    <dgm:pt modelId="{F4CEF133-BDC0-4817-AF1B-9B92361869BA}" type="pres">
      <dgm:prSet presAssocID="{290E104E-C359-49C5-B978-4AEF6A62E477}" presName="container" presStyleCnt="0">
        <dgm:presLayoutVars>
          <dgm:dir/>
          <dgm:resizeHandles val="exact"/>
        </dgm:presLayoutVars>
      </dgm:prSet>
      <dgm:spPr/>
    </dgm:pt>
    <dgm:pt modelId="{D62E2CBB-5EB7-40D9-BDF2-57411AB8EA36}" type="pres">
      <dgm:prSet presAssocID="{1AAD77A8-3488-4C19-BDFF-FB882F49A39F}" presName="compNode" presStyleCnt="0"/>
      <dgm:spPr/>
    </dgm:pt>
    <dgm:pt modelId="{EF5A2488-BE85-42D2-8C14-5378D1F6CC71}" type="pres">
      <dgm:prSet presAssocID="{1AAD77A8-3488-4C19-BDFF-FB882F49A39F}" presName="iconBgRect" presStyleLbl="bgShp" presStyleIdx="0" presStyleCnt="5"/>
      <dgm:spPr/>
    </dgm:pt>
    <dgm:pt modelId="{FE6C075A-5180-414B-BCD0-1F81C02BD1AD}" type="pres">
      <dgm:prSet presAssocID="{1AAD77A8-3488-4C19-BDFF-FB882F49A39F}" presName="iconRect" presStyleLbl="node1" presStyleIdx="0" presStyleCnt="5"/>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DNA"/>
        </a:ext>
      </dgm:extLst>
    </dgm:pt>
    <dgm:pt modelId="{75397188-226D-45FE-8889-E9ACE1CD1BE7}" type="pres">
      <dgm:prSet presAssocID="{1AAD77A8-3488-4C19-BDFF-FB882F49A39F}" presName="spaceRect" presStyleCnt="0"/>
      <dgm:spPr/>
    </dgm:pt>
    <dgm:pt modelId="{3D55F824-1479-4D2E-B185-9ADF38791BA7}" type="pres">
      <dgm:prSet presAssocID="{1AAD77A8-3488-4C19-BDFF-FB882F49A39F}" presName="textRect" presStyleLbl="revTx" presStyleIdx="0" presStyleCnt="5">
        <dgm:presLayoutVars>
          <dgm:chMax val="1"/>
          <dgm:chPref val="1"/>
        </dgm:presLayoutVars>
      </dgm:prSet>
      <dgm:spPr/>
    </dgm:pt>
    <dgm:pt modelId="{16D4A5B8-4084-4BAA-B925-1591C7650099}" type="pres">
      <dgm:prSet presAssocID="{F843DEF9-BA43-406D-87A2-E44C881C229D}" presName="sibTrans" presStyleLbl="sibTrans2D1" presStyleIdx="0" presStyleCnt="0"/>
      <dgm:spPr/>
    </dgm:pt>
    <dgm:pt modelId="{86BCB08C-DB45-4924-97AE-9C46A535D646}" type="pres">
      <dgm:prSet presAssocID="{77907BC3-2725-486B-ABCB-596149423255}" presName="compNode" presStyleCnt="0"/>
      <dgm:spPr/>
    </dgm:pt>
    <dgm:pt modelId="{3AE9E7C9-960A-4742-B77B-8116EAEF5C04}" type="pres">
      <dgm:prSet presAssocID="{77907BC3-2725-486B-ABCB-596149423255}" presName="iconBgRect" presStyleLbl="bgShp" presStyleIdx="1" presStyleCnt="5"/>
      <dgm:spPr/>
    </dgm:pt>
    <dgm:pt modelId="{9EC13B7B-8016-4153-91FC-483AEE8A86F4}" type="pres">
      <dgm:prSet presAssocID="{77907BC3-2725-486B-ABCB-596149423255}" presName="iconRect" presStyleLbl="node1" presStyleIdx="1" presStyleCnt="5"/>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Gavel"/>
        </a:ext>
      </dgm:extLst>
    </dgm:pt>
    <dgm:pt modelId="{9F802BC7-368A-4D29-B2C6-D30FAD9ADA8F}" type="pres">
      <dgm:prSet presAssocID="{77907BC3-2725-486B-ABCB-596149423255}" presName="spaceRect" presStyleCnt="0"/>
      <dgm:spPr/>
    </dgm:pt>
    <dgm:pt modelId="{0A7244A3-176D-449C-8A0E-B48828E89800}" type="pres">
      <dgm:prSet presAssocID="{77907BC3-2725-486B-ABCB-596149423255}" presName="textRect" presStyleLbl="revTx" presStyleIdx="1" presStyleCnt="5">
        <dgm:presLayoutVars>
          <dgm:chMax val="1"/>
          <dgm:chPref val="1"/>
        </dgm:presLayoutVars>
      </dgm:prSet>
      <dgm:spPr/>
    </dgm:pt>
    <dgm:pt modelId="{A58B2990-9510-44E9-B467-C60DEE2C9A26}" type="pres">
      <dgm:prSet presAssocID="{4AD3811B-8D41-4DF9-86B2-041F4BC8CB8A}" presName="sibTrans" presStyleLbl="sibTrans2D1" presStyleIdx="0" presStyleCnt="0"/>
      <dgm:spPr/>
    </dgm:pt>
    <dgm:pt modelId="{955B06AA-AC4E-4787-886D-165188E2F96A}" type="pres">
      <dgm:prSet presAssocID="{EF2CB658-5288-4FD0-ABC5-06AEE6C9C1D1}" presName="compNode" presStyleCnt="0"/>
      <dgm:spPr/>
    </dgm:pt>
    <dgm:pt modelId="{5627CEB3-1356-4020-8800-95E0F1079540}" type="pres">
      <dgm:prSet presAssocID="{EF2CB658-5288-4FD0-ABC5-06AEE6C9C1D1}" presName="iconBgRect" presStyleLbl="bgShp" presStyleIdx="2" presStyleCnt="5"/>
      <dgm:spPr/>
    </dgm:pt>
    <dgm:pt modelId="{FEC7F498-0857-472F-A792-FC6B96EFAD1D}" type="pres">
      <dgm:prSet presAssocID="{EF2CB658-5288-4FD0-ABC5-06AEE6C9C1D1}" presName="iconRect" presStyleLbl="node1" presStyleIdx="2" presStyleCnt="5"/>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Judge"/>
        </a:ext>
      </dgm:extLst>
    </dgm:pt>
    <dgm:pt modelId="{3ED6783A-F51C-481D-98D4-4D6E7D9F3425}" type="pres">
      <dgm:prSet presAssocID="{EF2CB658-5288-4FD0-ABC5-06AEE6C9C1D1}" presName="spaceRect" presStyleCnt="0"/>
      <dgm:spPr/>
    </dgm:pt>
    <dgm:pt modelId="{860F8E90-7E51-44F5-9E75-91C03691946C}" type="pres">
      <dgm:prSet presAssocID="{EF2CB658-5288-4FD0-ABC5-06AEE6C9C1D1}" presName="textRect" presStyleLbl="revTx" presStyleIdx="2" presStyleCnt="5">
        <dgm:presLayoutVars>
          <dgm:chMax val="1"/>
          <dgm:chPref val="1"/>
        </dgm:presLayoutVars>
      </dgm:prSet>
      <dgm:spPr/>
    </dgm:pt>
    <dgm:pt modelId="{C6B292C2-4C66-4408-B729-B3FE8B1E1185}" type="pres">
      <dgm:prSet presAssocID="{22642890-1A82-41A4-8AFD-F5C78C6CD724}" presName="sibTrans" presStyleLbl="sibTrans2D1" presStyleIdx="0" presStyleCnt="0"/>
      <dgm:spPr/>
    </dgm:pt>
    <dgm:pt modelId="{2A78C053-558F-40EC-B76B-6EDD55EA1AE7}" type="pres">
      <dgm:prSet presAssocID="{F8B74D86-D006-4EDC-B7FC-DDD5AF96C02C}" presName="compNode" presStyleCnt="0"/>
      <dgm:spPr/>
    </dgm:pt>
    <dgm:pt modelId="{1F9A10F6-C7F2-4DEC-B671-3923E8ADF29F}" type="pres">
      <dgm:prSet presAssocID="{F8B74D86-D006-4EDC-B7FC-DDD5AF96C02C}" presName="iconBgRect" presStyleLbl="bgShp" presStyleIdx="3" presStyleCnt="5"/>
      <dgm:spPr/>
    </dgm:pt>
    <dgm:pt modelId="{CA739B3B-114A-44B0-80DB-1C3F436CA2E5}" type="pres">
      <dgm:prSet presAssocID="{F8B74D86-D006-4EDC-B7FC-DDD5AF96C02C}" presName="iconRect" presStyleLbl="node1" presStyleIdx="3" presStyleCnt="5"/>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Share"/>
        </a:ext>
      </dgm:extLst>
    </dgm:pt>
    <dgm:pt modelId="{1969C928-E4AD-4950-9B86-699CA8E724DF}" type="pres">
      <dgm:prSet presAssocID="{F8B74D86-D006-4EDC-B7FC-DDD5AF96C02C}" presName="spaceRect" presStyleCnt="0"/>
      <dgm:spPr/>
    </dgm:pt>
    <dgm:pt modelId="{C02F83C6-DFA9-4551-8C0B-B554A9D56CE4}" type="pres">
      <dgm:prSet presAssocID="{F8B74D86-D006-4EDC-B7FC-DDD5AF96C02C}" presName="textRect" presStyleLbl="revTx" presStyleIdx="3" presStyleCnt="5">
        <dgm:presLayoutVars>
          <dgm:chMax val="1"/>
          <dgm:chPref val="1"/>
        </dgm:presLayoutVars>
      </dgm:prSet>
      <dgm:spPr/>
    </dgm:pt>
    <dgm:pt modelId="{2C8AFBFD-E52C-4B9C-B39A-7746BF04FCD8}" type="pres">
      <dgm:prSet presAssocID="{5CA8B393-D8B5-4A40-8F5C-F2C6FAEDF11E}" presName="sibTrans" presStyleLbl="sibTrans2D1" presStyleIdx="0" presStyleCnt="0"/>
      <dgm:spPr/>
    </dgm:pt>
    <dgm:pt modelId="{D2253B81-67CA-4B16-94B1-8A7BC726448A}" type="pres">
      <dgm:prSet presAssocID="{CB665D8B-72BA-4715-ABDA-0ACD89A3FE48}" presName="compNode" presStyleCnt="0"/>
      <dgm:spPr/>
    </dgm:pt>
    <dgm:pt modelId="{30E0F034-7290-4FC5-9669-244D0FDD3B00}" type="pres">
      <dgm:prSet presAssocID="{CB665D8B-72BA-4715-ABDA-0ACD89A3FE48}" presName="iconBgRect" presStyleLbl="bgShp" presStyleIdx="4" presStyleCnt="5"/>
      <dgm:spPr/>
    </dgm:pt>
    <dgm:pt modelId="{F9306C6F-1068-4985-89A5-B57B46C88E6E}" type="pres">
      <dgm:prSet presAssocID="{CB665D8B-72BA-4715-ABDA-0ACD89A3FE48}" presName="iconRect" presStyleLbl="node1" presStyleIdx="4" presStyleCnt="5"/>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Office Worker"/>
        </a:ext>
      </dgm:extLst>
    </dgm:pt>
    <dgm:pt modelId="{1491A162-F1E7-4F4D-BBC7-2948E12BE7CA}" type="pres">
      <dgm:prSet presAssocID="{CB665D8B-72BA-4715-ABDA-0ACD89A3FE48}" presName="spaceRect" presStyleCnt="0"/>
      <dgm:spPr/>
    </dgm:pt>
    <dgm:pt modelId="{1C9D160E-0424-4E1E-9692-03A61EF15CF0}" type="pres">
      <dgm:prSet presAssocID="{CB665D8B-72BA-4715-ABDA-0ACD89A3FE48}" presName="textRect" presStyleLbl="revTx" presStyleIdx="4" presStyleCnt="5">
        <dgm:presLayoutVars>
          <dgm:chMax val="1"/>
          <dgm:chPref val="1"/>
        </dgm:presLayoutVars>
      </dgm:prSet>
      <dgm:spPr/>
    </dgm:pt>
  </dgm:ptLst>
  <dgm:cxnLst>
    <dgm:cxn modelId="{25561700-9AAF-47B5-B0E2-19E2A7210156}" srcId="{290E104E-C359-49C5-B978-4AEF6A62E477}" destId="{77907BC3-2725-486B-ABCB-596149423255}" srcOrd="1" destOrd="0" parTransId="{CDE75DCC-EE21-499A-ABE1-1237B8B495BD}" sibTransId="{4AD3811B-8D41-4DF9-86B2-041F4BC8CB8A}"/>
    <dgm:cxn modelId="{C2444B19-9952-42B6-A169-6E8C4C593979}" type="presOf" srcId="{77907BC3-2725-486B-ABCB-596149423255}" destId="{0A7244A3-176D-449C-8A0E-B48828E89800}" srcOrd="0" destOrd="0" presId="urn:microsoft.com/office/officeart/2018/2/layout/IconCircleList"/>
    <dgm:cxn modelId="{619A9019-1832-4090-8ABE-3BE76CE034B3}" type="presOf" srcId="{1AAD77A8-3488-4C19-BDFF-FB882F49A39F}" destId="{3D55F824-1479-4D2E-B185-9ADF38791BA7}" srcOrd="0" destOrd="0" presId="urn:microsoft.com/office/officeart/2018/2/layout/IconCircleList"/>
    <dgm:cxn modelId="{E6259E25-CEA6-478F-95B7-95B993230D16}" type="presOf" srcId="{F843DEF9-BA43-406D-87A2-E44C881C229D}" destId="{16D4A5B8-4084-4BAA-B925-1591C7650099}" srcOrd="0" destOrd="0" presId="urn:microsoft.com/office/officeart/2018/2/layout/IconCircleList"/>
    <dgm:cxn modelId="{FF0B6427-1988-4D35-B2F6-795100BFE166}" srcId="{290E104E-C359-49C5-B978-4AEF6A62E477}" destId="{EF2CB658-5288-4FD0-ABC5-06AEE6C9C1D1}" srcOrd="2" destOrd="0" parTransId="{67BA3252-D886-4451-A3C3-533ECD58A96F}" sibTransId="{22642890-1A82-41A4-8AFD-F5C78C6CD724}"/>
    <dgm:cxn modelId="{5784CC4E-DF6A-423A-9317-F7DDD0F4294A}" type="presOf" srcId="{EF2CB658-5288-4FD0-ABC5-06AEE6C9C1D1}" destId="{860F8E90-7E51-44F5-9E75-91C03691946C}" srcOrd="0" destOrd="0" presId="urn:microsoft.com/office/officeart/2018/2/layout/IconCircleList"/>
    <dgm:cxn modelId="{30F93873-8D2C-4A96-82D7-47ED6A312FC6}" type="presOf" srcId="{4AD3811B-8D41-4DF9-86B2-041F4BC8CB8A}" destId="{A58B2990-9510-44E9-B467-C60DEE2C9A26}" srcOrd="0" destOrd="0" presId="urn:microsoft.com/office/officeart/2018/2/layout/IconCircleList"/>
    <dgm:cxn modelId="{AF83EB81-0DFD-47EF-BBDE-8D22C2DA4B33}" type="presOf" srcId="{F8B74D86-D006-4EDC-B7FC-DDD5AF96C02C}" destId="{C02F83C6-DFA9-4551-8C0B-B554A9D56CE4}" srcOrd="0" destOrd="0" presId="urn:microsoft.com/office/officeart/2018/2/layout/IconCircleList"/>
    <dgm:cxn modelId="{50E3AAA6-89C4-4775-A5FB-C8B0FC64AD89}" srcId="{290E104E-C359-49C5-B978-4AEF6A62E477}" destId="{F8B74D86-D006-4EDC-B7FC-DDD5AF96C02C}" srcOrd="3" destOrd="0" parTransId="{08FECCEF-CA37-4C60-A969-B97B2CC31F65}" sibTransId="{5CA8B393-D8B5-4A40-8F5C-F2C6FAEDF11E}"/>
    <dgm:cxn modelId="{3D9A70BB-1BA4-44D6-937E-4C5DFEF685E2}" type="presOf" srcId="{290E104E-C359-49C5-B978-4AEF6A62E477}" destId="{4D779F66-73AB-4EB1-B445-A0AB77874DDD}" srcOrd="0" destOrd="0" presId="urn:microsoft.com/office/officeart/2018/2/layout/IconCircleList"/>
    <dgm:cxn modelId="{615646BD-ACFE-4946-9083-4D59AF0EFD24}" srcId="{290E104E-C359-49C5-B978-4AEF6A62E477}" destId="{CB665D8B-72BA-4715-ABDA-0ACD89A3FE48}" srcOrd="4" destOrd="0" parTransId="{338F1C84-98C6-4BA7-B61D-17D66ED297E8}" sibTransId="{18E3E271-8DBA-4384-AABE-01BE46E32C41}"/>
    <dgm:cxn modelId="{C60831CD-BC09-4575-8E2A-7914DBB94718}" type="presOf" srcId="{22642890-1A82-41A4-8AFD-F5C78C6CD724}" destId="{C6B292C2-4C66-4408-B729-B3FE8B1E1185}" srcOrd="0" destOrd="0" presId="urn:microsoft.com/office/officeart/2018/2/layout/IconCircleList"/>
    <dgm:cxn modelId="{D24F2DCE-5E26-4364-A101-9CDFCDC8AFFF}" srcId="{290E104E-C359-49C5-B978-4AEF6A62E477}" destId="{1AAD77A8-3488-4C19-BDFF-FB882F49A39F}" srcOrd="0" destOrd="0" parTransId="{73107677-5720-4006-BD20-97740724E18F}" sibTransId="{F843DEF9-BA43-406D-87A2-E44C881C229D}"/>
    <dgm:cxn modelId="{4BA9A0CF-20F0-4ED6-99AF-7F292E1E1CD2}" type="presOf" srcId="{5CA8B393-D8B5-4A40-8F5C-F2C6FAEDF11E}" destId="{2C8AFBFD-E52C-4B9C-B39A-7746BF04FCD8}" srcOrd="0" destOrd="0" presId="urn:microsoft.com/office/officeart/2018/2/layout/IconCircleList"/>
    <dgm:cxn modelId="{88CB9DF1-C34D-41C8-9E62-8D009567648A}" type="presOf" srcId="{CB665D8B-72BA-4715-ABDA-0ACD89A3FE48}" destId="{1C9D160E-0424-4E1E-9692-03A61EF15CF0}" srcOrd="0" destOrd="0" presId="urn:microsoft.com/office/officeart/2018/2/layout/IconCircleList"/>
    <dgm:cxn modelId="{565A98CF-844A-4D90-BA9A-D5A98B6BDDB9}" type="presParOf" srcId="{4D779F66-73AB-4EB1-B445-A0AB77874DDD}" destId="{F4CEF133-BDC0-4817-AF1B-9B92361869BA}" srcOrd="0" destOrd="0" presId="urn:microsoft.com/office/officeart/2018/2/layout/IconCircleList"/>
    <dgm:cxn modelId="{56CD0425-998D-4356-AD91-A796712270CC}" type="presParOf" srcId="{F4CEF133-BDC0-4817-AF1B-9B92361869BA}" destId="{D62E2CBB-5EB7-40D9-BDF2-57411AB8EA36}" srcOrd="0" destOrd="0" presId="urn:microsoft.com/office/officeart/2018/2/layout/IconCircleList"/>
    <dgm:cxn modelId="{C18253D5-41A4-4E32-A162-0426119309DB}" type="presParOf" srcId="{D62E2CBB-5EB7-40D9-BDF2-57411AB8EA36}" destId="{EF5A2488-BE85-42D2-8C14-5378D1F6CC71}" srcOrd="0" destOrd="0" presId="urn:microsoft.com/office/officeart/2018/2/layout/IconCircleList"/>
    <dgm:cxn modelId="{9494F1EF-D778-42D6-84FB-627E26117A7A}" type="presParOf" srcId="{D62E2CBB-5EB7-40D9-BDF2-57411AB8EA36}" destId="{FE6C075A-5180-414B-BCD0-1F81C02BD1AD}" srcOrd="1" destOrd="0" presId="urn:microsoft.com/office/officeart/2018/2/layout/IconCircleList"/>
    <dgm:cxn modelId="{39FA57BE-BFA3-448E-8EE6-0B8F9EFE4EC0}" type="presParOf" srcId="{D62E2CBB-5EB7-40D9-BDF2-57411AB8EA36}" destId="{75397188-226D-45FE-8889-E9ACE1CD1BE7}" srcOrd="2" destOrd="0" presId="urn:microsoft.com/office/officeart/2018/2/layout/IconCircleList"/>
    <dgm:cxn modelId="{02497334-3C43-4B2C-9F7E-F49CF7B4B1B8}" type="presParOf" srcId="{D62E2CBB-5EB7-40D9-BDF2-57411AB8EA36}" destId="{3D55F824-1479-4D2E-B185-9ADF38791BA7}" srcOrd="3" destOrd="0" presId="urn:microsoft.com/office/officeart/2018/2/layout/IconCircleList"/>
    <dgm:cxn modelId="{E276FD3D-E894-4CE7-B953-EE657921D71D}" type="presParOf" srcId="{F4CEF133-BDC0-4817-AF1B-9B92361869BA}" destId="{16D4A5B8-4084-4BAA-B925-1591C7650099}" srcOrd="1" destOrd="0" presId="urn:microsoft.com/office/officeart/2018/2/layout/IconCircleList"/>
    <dgm:cxn modelId="{ACF4BF13-8FEF-4077-9A48-AD055FCC5EA8}" type="presParOf" srcId="{F4CEF133-BDC0-4817-AF1B-9B92361869BA}" destId="{86BCB08C-DB45-4924-97AE-9C46A535D646}" srcOrd="2" destOrd="0" presId="urn:microsoft.com/office/officeart/2018/2/layout/IconCircleList"/>
    <dgm:cxn modelId="{7E2869AB-F3D7-48A4-8BFB-BC608609A41A}" type="presParOf" srcId="{86BCB08C-DB45-4924-97AE-9C46A535D646}" destId="{3AE9E7C9-960A-4742-B77B-8116EAEF5C04}" srcOrd="0" destOrd="0" presId="urn:microsoft.com/office/officeart/2018/2/layout/IconCircleList"/>
    <dgm:cxn modelId="{7B7620FF-460F-499F-971D-C57D6E2A129A}" type="presParOf" srcId="{86BCB08C-DB45-4924-97AE-9C46A535D646}" destId="{9EC13B7B-8016-4153-91FC-483AEE8A86F4}" srcOrd="1" destOrd="0" presId="urn:microsoft.com/office/officeart/2018/2/layout/IconCircleList"/>
    <dgm:cxn modelId="{D21D0919-5E7D-4F75-B251-C9D9D8CC41C0}" type="presParOf" srcId="{86BCB08C-DB45-4924-97AE-9C46A535D646}" destId="{9F802BC7-368A-4D29-B2C6-D30FAD9ADA8F}" srcOrd="2" destOrd="0" presId="urn:microsoft.com/office/officeart/2018/2/layout/IconCircleList"/>
    <dgm:cxn modelId="{47832938-4029-4A39-B78A-606A3C708C56}" type="presParOf" srcId="{86BCB08C-DB45-4924-97AE-9C46A535D646}" destId="{0A7244A3-176D-449C-8A0E-B48828E89800}" srcOrd="3" destOrd="0" presId="urn:microsoft.com/office/officeart/2018/2/layout/IconCircleList"/>
    <dgm:cxn modelId="{818794FB-AC3B-490B-8596-190227B50785}" type="presParOf" srcId="{F4CEF133-BDC0-4817-AF1B-9B92361869BA}" destId="{A58B2990-9510-44E9-B467-C60DEE2C9A26}" srcOrd="3" destOrd="0" presId="urn:microsoft.com/office/officeart/2018/2/layout/IconCircleList"/>
    <dgm:cxn modelId="{528DF232-6239-4618-B3F4-F7B06306242B}" type="presParOf" srcId="{F4CEF133-BDC0-4817-AF1B-9B92361869BA}" destId="{955B06AA-AC4E-4787-886D-165188E2F96A}" srcOrd="4" destOrd="0" presId="urn:microsoft.com/office/officeart/2018/2/layout/IconCircleList"/>
    <dgm:cxn modelId="{7DFCA744-1A01-4DCB-BBFC-25A23F5A6701}" type="presParOf" srcId="{955B06AA-AC4E-4787-886D-165188E2F96A}" destId="{5627CEB3-1356-4020-8800-95E0F1079540}" srcOrd="0" destOrd="0" presId="urn:microsoft.com/office/officeart/2018/2/layout/IconCircleList"/>
    <dgm:cxn modelId="{B1F75AEA-3B71-43D4-93DC-1AC2BC808177}" type="presParOf" srcId="{955B06AA-AC4E-4787-886D-165188E2F96A}" destId="{FEC7F498-0857-472F-A792-FC6B96EFAD1D}" srcOrd="1" destOrd="0" presId="urn:microsoft.com/office/officeart/2018/2/layout/IconCircleList"/>
    <dgm:cxn modelId="{DF717746-70B3-479C-842E-582DF40278CD}" type="presParOf" srcId="{955B06AA-AC4E-4787-886D-165188E2F96A}" destId="{3ED6783A-F51C-481D-98D4-4D6E7D9F3425}" srcOrd="2" destOrd="0" presId="urn:microsoft.com/office/officeart/2018/2/layout/IconCircleList"/>
    <dgm:cxn modelId="{8ACB00FD-DB47-46A2-BA60-8A103F8DEF67}" type="presParOf" srcId="{955B06AA-AC4E-4787-886D-165188E2F96A}" destId="{860F8E90-7E51-44F5-9E75-91C03691946C}" srcOrd="3" destOrd="0" presId="urn:microsoft.com/office/officeart/2018/2/layout/IconCircleList"/>
    <dgm:cxn modelId="{B967A3A5-4878-433C-94FE-9B245CD0653C}" type="presParOf" srcId="{F4CEF133-BDC0-4817-AF1B-9B92361869BA}" destId="{C6B292C2-4C66-4408-B729-B3FE8B1E1185}" srcOrd="5" destOrd="0" presId="urn:microsoft.com/office/officeart/2018/2/layout/IconCircleList"/>
    <dgm:cxn modelId="{10879619-6BBE-4BCF-88CD-A09AD8F5FE64}" type="presParOf" srcId="{F4CEF133-BDC0-4817-AF1B-9B92361869BA}" destId="{2A78C053-558F-40EC-B76B-6EDD55EA1AE7}" srcOrd="6" destOrd="0" presId="urn:microsoft.com/office/officeart/2018/2/layout/IconCircleList"/>
    <dgm:cxn modelId="{85C8D155-9EF1-4E55-B926-9E4B35078D4B}" type="presParOf" srcId="{2A78C053-558F-40EC-B76B-6EDD55EA1AE7}" destId="{1F9A10F6-C7F2-4DEC-B671-3923E8ADF29F}" srcOrd="0" destOrd="0" presId="urn:microsoft.com/office/officeart/2018/2/layout/IconCircleList"/>
    <dgm:cxn modelId="{5ABBDF2F-4275-43A7-843D-05AB9346A71E}" type="presParOf" srcId="{2A78C053-558F-40EC-B76B-6EDD55EA1AE7}" destId="{CA739B3B-114A-44B0-80DB-1C3F436CA2E5}" srcOrd="1" destOrd="0" presId="urn:microsoft.com/office/officeart/2018/2/layout/IconCircleList"/>
    <dgm:cxn modelId="{7245D759-C9D8-4467-874D-F9F82D628F4C}" type="presParOf" srcId="{2A78C053-558F-40EC-B76B-6EDD55EA1AE7}" destId="{1969C928-E4AD-4950-9B86-699CA8E724DF}" srcOrd="2" destOrd="0" presId="urn:microsoft.com/office/officeart/2018/2/layout/IconCircleList"/>
    <dgm:cxn modelId="{41E5582A-F9EE-481D-B913-8DA2AA494FE9}" type="presParOf" srcId="{2A78C053-558F-40EC-B76B-6EDD55EA1AE7}" destId="{C02F83C6-DFA9-4551-8C0B-B554A9D56CE4}" srcOrd="3" destOrd="0" presId="urn:microsoft.com/office/officeart/2018/2/layout/IconCircleList"/>
    <dgm:cxn modelId="{67D95F22-A8BC-4783-96FE-57BA0A0EB734}" type="presParOf" srcId="{F4CEF133-BDC0-4817-AF1B-9B92361869BA}" destId="{2C8AFBFD-E52C-4B9C-B39A-7746BF04FCD8}" srcOrd="7" destOrd="0" presId="urn:microsoft.com/office/officeart/2018/2/layout/IconCircleList"/>
    <dgm:cxn modelId="{CE626056-DCCC-4E7C-837C-482EE4BB3424}" type="presParOf" srcId="{F4CEF133-BDC0-4817-AF1B-9B92361869BA}" destId="{D2253B81-67CA-4B16-94B1-8A7BC726448A}" srcOrd="8" destOrd="0" presId="urn:microsoft.com/office/officeart/2018/2/layout/IconCircleList"/>
    <dgm:cxn modelId="{7D4B8228-DDA3-451E-AEF2-3A1EFE75ED91}" type="presParOf" srcId="{D2253B81-67CA-4B16-94B1-8A7BC726448A}" destId="{30E0F034-7290-4FC5-9669-244D0FDD3B00}" srcOrd="0" destOrd="0" presId="urn:microsoft.com/office/officeart/2018/2/layout/IconCircleList"/>
    <dgm:cxn modelId="{81C1C676-41AF-444B-BECF-8078C890A192}" type="presParOf" srcId="{D2253B81-67CA-4B16-94B1-8A7BC726448A}" destId="{F9306C6F-1068-4985-89A5-B57B46C88E6E}" srcOrd="1" destOrd="0" presId="urn:microsoft.com/office/officeart/2018/2/layout/IconCircleList"/>
    <dgm:cxn modelId="{E52E9106-928D-4424-978C-02B0CEA6A073}" type="presParOf" srcId="{D2253B81-67CA-4B16-94B1-8A7BC726448A}" destId="{1491A162-F1E7-4F4D-BBC7-2948E12BE7CA}" srcOrd="2" destOrd="0" presId="urn:microsoft.com/office/officeart/2018/2/layout/IconCircleList"/>
    <dgm:cxn modelId="{A48BC938-A544-4597-BF8B-3DC1E06FF3A5}" type="presParOf" srcId="{D2253B81-67CA-4B16-94B1-8A7BC726448A}" destId="{1C9D160E-0424-4E1E-9692-03A61EF15CF0}" srcOrd="3" destOrd="0" presId="urn:microsoft.com/office/officeart/2018/2/layout/IconCircle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1.xml><?xml version="1.0" encoding="utf-8"?>
<dgm:dataModel xmlns:dgm="http://schemas.openxmlformats.org/drawingml/2006/diagram" xmlns:a="http://schemas.openxmlformats.org/drawingml/2006/main">
  <dgm:ptLst>
    <dgm:pt modelId="{AF669D0C-E1AE-45F0-AE01-513391B987B8}" type="doc">
      <dgm:prSet loTypeId="urn:microsoft.com/office/officeart/2005/8/layout/vProcess5" loCatId="process" qsTypeId="urn:microsoft.com/office/officeart/2005/8/quickstyle/simple2" qsCatId="simple" csTypeId="urn:microsoft.com/office/officeart/2005/8/colors/accent2_1" csCatId="accent2" phldr="1"/>
      <dgm:spPr/>
      <dgm:t>
        <a:bodyPr/>
        <a:lstStyle/>
        <a:p>
          <a:endParaRPr lang="en-US"/>
        </a:p>
      </dgm:t>
    </dgm:pt>
    <dgm:pt modelId="{6BC65A25-AE11-4229-838E-89B70CCA707A}">
      <dgm:prSet custT="1"/>
      <dgm:spPr/>
      <dgm:t>
        <a:bodyPr/>
        <a:lstStyle/>
        <a:p>
          <a:r>
            <a:rPr lang="en-US" sz="1800" dirty="0"/>
            <a:t>Ask for more information from new service provider on employee’s concerns</a:t>
          </a:r>
        </a:p>
      </dgm:t>
    </dgm:pt>
    <dgm:pt modelId="{090AA6C9-A336-46E6-83C7-FF818438CD25}" type="parTrans" cxnId="{1E687115-3D7D-4412-8FEB-1C102297AC2D}">
      <dgm:prSet/>
      <dgm:spPr/>
      <dgm:t>
        <a:bodyPr/>
        <a:lstStyle/>
        <a:p>
          <a:endParaRPr lang="en-US"/>
        </a:p>
      </dgm:t>
    </dgm:pt>
    <dgm:pt modelId="{A537E378-9A4D-4C22-B6AA-30004B59A5A2}" type="sibTrans" cxnId="{1E687115-3D7D-4412-8FEB-1C102297AC2D}">
      <dgm:prSet phldrT="1" phldr="0"/>
      <dgm:spPr/>
      <dgm:t>
        <a:bodyPr/>
        <a:lstStyle/>
        <a:p>
          <a:endParaRPr lang="en-US" dirty="0"/>
        </a:p>
      </dgm:t>
    </dgm:pt>
    <dgm:pt modelId="{DF6F772E-32A0-4405-8E6F-FB0C37985224}">
      <dgm:prSet custT="1"/>
      <dgm:spPr/>
      <dgm:t>
        <a:bodyPr/>
        <a:lstStyle/>
        <a:p>
          <a:r>
            <a:rPr lang="en-US" sz="1800" dirty="0"/>
            <a:t>Explain consequences of objection – no notice or redundancy payment</a:t>
          </a:r>
        </a:p>
      </dgm:t>
    </dgm:pt>
    <dgm:pt modelId="{88C83575-C572-4B40-9C85-A0685139DED9}" type="parTrans" cxnId="{9975DB61-5544-4549-9EEF-15ADA1EC29C9}">
      <dgm:prSet/>
      <dgm:spPr/>
      <dgm:t>
        <a:bodyPr/>
        <a:lstStyle/>
        <a:p>
          <a:endParaRPr lang="en-US"/>
        </a:p>
      </dgm:t>
    </dgm:pt>
    <dgm:pt modelId="{1CD320AD-82E1-4085-AFF4-4902C16D6435}" type="sibTrans" cxnId="{9975DB61-5544-4549-9EEF-15ADA1EC29C9}">
      <dgm:prSet phldrT="2" phldr="0"/>
      <dgm:spPr/>
      <dgm:t>
        <a:bodyPr/>
        <a:lstStyle/>
        <a:p>
          <a:endParaRPr lang="en-US" dirty="0"/>
        </a:p>
      </dgm:t>
    </dgm:pt>
    <dgm:pt modelId="{97B06930-C251-489D-AEE1-65F9870E495F}">
      <dgm:prSet custT="1"/>
      <dgm:spPr/>
      <dgm:t>
        <a:bodyPr/>
        <a:lstStyle/>
        <a:p>
          <a:r>
            <a:rPr lang="en-GB" sz="1800" dirty="0"/>
            <a:t>Persuade employee to transfer and challenge new provider on proposed changes.</a:t>
          </a:r>
          <a:endParaRPr lang="en-US" sz="1800" dirty="0"/>
        </a:p>
      </dgm:t>
    </dgm:pt>
    <dgm:pt modelId="{47D2BD33-DED1-4C92-A30D-847B9CF432D2}" type="parTrans" cxnId="{531D6609-D48B-4BB0-B79D-D262A3F07534}">
      <dgm:prSet/>
      <dgm:spPr/>
      <dgm:t>
        <a:bodyPr/>
        <a:lstStyle/>
        <a:p>
          <a:endParaRPr lang="en-US"/>
        </a:p>
      </dgm:t>
    </dgm:pt>
    <dgm:pt modelId="{036F3462-1FE3-4E19-9DF9-CC6372343F33}" type="sibTrans" cxnId="{531D6609-D48B-4BB0-B79D-D262A3F07534}">
      <dgm:prSet phldrT="3" phldr="0"/>
      <dgm:spPr/>
      <dgm:t>
        <a:bodyPr/>
        <a:lstStyle/>
        <a:p>
          <a:endParaRPr lang="en-US" dirty="0"/>
        </a:p>
      </dgm:t>
    </dgm:pt>
    <dgm:pt modelId="{E516492E-AA4D-49FF-A1AE-55E58C8C4560}">
      <dgm:prSet custT="1"/>
      <dgm:spPr/>
      <dgm:t>
        <a:bodyPr/>
        <a:lstStyle/>
        <a:p>
          <a:r>
            <a:rPr lang="en-US" sz="1800" dirty="0"/>
            <a:t>Offer employee redeployment to another vacancy with outgoing provider?</a:t>
          </a:r>
        </a:p>
      </dgm:t>
    </dgm:pt>
    <dgm:pt modelId="{61E60D4B-C2A5-4505-97A2-97984E8E4A5D}" type="parTrans" cxnId="{85A83672-DF83-4C09-94FD-13814529833A}">
      <dgm:prSet/>
      <dgm:spPr/>
      <dgm:t>
        <a:bodyPr/>
        <a:lstStyle/>
        <a:p>
          <a:endParaRPr lang="en-US"/>
        </a:p>
      </dgm:t>
    </dgm:pt>
    <dgm:pt modelId="{FD0D7AB8-C260-4145-B166-391EB630A7A1}" type="sibTrans" cxnId="{85A83672-DF83-4C09-94FD-13814529833A}">
      <dgm:prSet phldrT="5" phldr="0"/>
      <dgm:spPr/>
      <dgm:t>
        <a:bodyPr/>
        <a:lstStyle/>
        <a:p>
          <a:endParaRPr lang="en-GB"/>
        </a:p>
      </dgm:t>
    </dgm:pt>
    <dgm:pt modelId="{A2590738-F5D1-4B1A-8A97-D8D955FD6825}" type="pres">
      <dgm:prSet presAssocID="{AF669D0C-E1AE-45F0-AE01-513391B987B8}" presName="outerComposite" presStyleCnt="0">
        <dgm:presLayoutVars>
          <dgm:chMax val="5"/>
          <dgm:dir/>
          <dgm:resizeHandles val="exact"/>
        </dgm:presLayoutVars>
      </dgm:prSet>
      <dgm:spPr/>
    </dgm:pt>
    <dgm:pt modelId="{27373293-8CD1-40DC-A058-33C650D9C66D}" type="pres">
      <dgm:prSet presAssocID="{AF669D0C-E1AE-45F0-AE01-513391B987B8}" presName="dummyMaxCanvas" presStyleCnt="0">
        <dgm:presLayoutVars/>
      </dgm:prSet>
      <dgm:spPr/>
    </dgm:pt>
    <dgm:pt modelId="{5E74CFC6-6FA4-4956-8D29-BFB808819409}" type="pres">
      <dgm:prSet presAssocID="{AF669D0C-E1AE-45F0-AE01-513391B987B8}" presName="FourNodes_1" presStyleLbl="node1" presStyleIdx="0" presStyleCnt="4">
        <dgm:presLayoutVars>
          <dgm:bulletEnabled val="1"/>
        </dgm:presLayoutVars>
      </dgm:prSet>
      <dgm:spPr/>
    </dgm:pt>
    <dgm:pt modelId="{62DD4010-D91F-4DCE-BD6B-07F1D26F900C}" type="pres">
      <dgm:prSet presAssocID="{AF669D0C-E1AE-45F0-AE01-513391B987B8}" presName="FourNodes_2" presStyleLbl="node1" presStyleIdx="1" presStyleCnt="4">
        <dgm:presLayoutVars>
          <dgm:bulletEnabled val="1"/>
        </dgm:presLayoutVars>
      </dgm:prSet>
      <dgm:spPr/>
    </dgm:pt>
    <dgm:pt modelId="{3DF063F7-8215-406A-AACE-4F0C97B70D54}" type="pres">
      <dgm:prSet presAssocID="{AF669D0C-E1AE-45F0-AE01-513391B987B8}" presName="FourNodes_3" presStyleLbl="node1" presStyleIdx="2" presStyleCnt="4" custScaleX="100438">
        <dgm:presLayoutVars>
          <dgm:bulletEnabled val="1"/>
        </dgm:presLayoutVars>
      </dgm:prSet>
      <dgm:spPr/>
    </dgm:pt>
    <dgm:pt modelId="{FC4CAB9A-8E7C-4B7E-9B9A-2472F349A220}" type="pres">
      <dgm:prSet presAssocID="{AF669D0C-E1AE-45F0-AE01-513391B987B8}" presName="FourNodes_4" presStyleLbl="node1" presStyleIdx="3" presStyleCnt="4">
        <dgm:presLayoutVars>
          <dgm:bulletEnabled val="1"/>
        </dgm:presLayoutVars>
      </dgm:prSet>
      <dgm:spPr/>
    </dgm:pt>
    <dgm:pt modelId="{B7357A65-41A2-4DE9-BDFE-AE01724FDFC7}" type="pres">
      <dgm:prSet presAssocID="{AF669D0C-E1AE-45F0-AE01-513391B987B8}" presName="FourConn_1-2" presStyleLbl="fgAccFollowNode1" presStyleIdx="0" presStyleCnt="3">
        <dgm:presLayoutVars>
          <dgm:bulletEnabled val="1"/>
        </dgm:presLayoutVars>
      </dgm:prSet>
      <dgm:spPr/>
    </dgm:pt>
    <dgm:pt modelId="{EA690EBE-AFAD-42DB-AB47-6EBE248F00C4}" type="pres">
      <dgm:prSet presAssocID="{AF669D0C-E1AE-45F0-AE01-513391B987B8}" presName="FourConn_2-3" presStyleLbl="fgAccFollowNode1" presStyleIdx="1" presStyleCnt="3" custLinFactNeighborX="9371" custLinFactNeighborY="-9470">
        <dgm:presLayoutVars>
          <dgm:bulletEnabled val="1"/>
        </dgm:presLayoutVars>
      </dgm:prSet>
      <dgm:spPr/>
    </dgm:pt>
    <dgm:pt modelId="{3928831A-2C7B-4FF3-AE2B-522457A4AE60}" type="pres">
      <dgm:prSet presAssocID="{AF669D0C-E1AE-45F0-AE01-513391B987B8}" presName="FourConn_3-4" presStyleLbl="fgAccFollowNode1" presStyleIdx="2" presStyleCnt="3">
        <dgm:presLayoutVars>
          <dgm:bulletEnabled val="1"/>
        </dgm:presLayoutVars>
      </dgm:prSet>
      <dgm:spPr/>
    </dgm:pt>
    <dgm:pt modelId="{873339A6-4156-4625-9743-D3C5DEBA1AAD}" type="pres">
      <dgm:prSet presAssocID="{AF669D0C-E1AE-45F0-AE01-513391B987B8}" presName="FourNodes_1_text" presStyleLbl="node1" presStyleIdx="3" presStyleCnt="4">
        <dgm:presLayoutVars>
          <dgm:bulletEnabled val="1"/>
        </dgm:presLayoutVars>
      </dgm:prSet>
      <dgm:spPr/>
    </dgm:pt>
    <dgm:pt modelId="{3F756187-4EF5-4394-B3D5-3D6406582851}" type="pres">
      <dgm:prSet presAssocID="{AF669D0C-E1AE-45F0-AE01-513391B987B8}" presName="FourNodes_2_text" presStyleLbl="node1" presStyleIdx="3" presStyleCnt="4">
        <dgm:presLayoutVars>
          <dgm:bulletEnabled val="1"/>
        </dgm:presLayoutVars>
      </dgm:prSet>
      <dgm:spPr/>
    </dgm:pt>
    <dgm:pt modelId="{C9E4BEE1-3AD4-4036-B629-99FBD9301756}" type="pres">
      <dgm:prSet presAssocID="{AF669D0C-E1AE-45F0-AE01-513391B987B8}" presName="FourNodes_3_text" presStyleLbl="node1" presStyleIdx="3" presStyleCnt="4">
        <dgm:presLayoutVars>
          <dgm:bulletEnabled val="1"/>
        </dgm:presLayoutVars>
      </dgm:prSet>
      <dgm:spPr/>
    </dgm:pt>
    <dgm:pt modelId="{71B20472-6FA3-4704-B103-5EFE39AF4F85}" type="pres">
      <dgm:prSet presAssocID="{AF669D0C-E1AE-45F0-AE01-513391B987B8}" presName="FourNodes_4_text" presStyleLbl="node1" presStyleIdx="3" presStyleCnt="4">
        <dgm:presLayoutVars>
          <dgm:bulletEnabled val="1"/>
        </dgm:presLayoutVars>
      </dgm:prSet>
      <dgm:spPr/>
    </dgm:pt>
  </dgm:ptLst>
  <dgm:cxnLst>
    <dgm:cxn modelId="{8E360507-2F89-43DD-85FB-149FEB2FB0DF}" type="presOf" srcId="{AF669D0C-E1AE-45F0-AE01-513391B987B8}" destId="{A2590738-F5D1-4B1A-8A97-D8D955FD6825}" srcOrd="0" destOrd="0" presId="urn:microsoft.com/office/officeart/2005/8/layout/vProcess5"/>
    <dgm:cxn modelId="{531D6609-D48B-4BB0-B79D-D262A3F07534}" srcId="{AF669D0C-E1AE-45F0-AE01-513391B987B8}" destId="{97B06930-C251-489D-AEE1-65F9870E495F}" srcOrd="2" destOrd="0" parTransId="{47D2BD33-DED1-4C92-A30D-847B9CF432D2}" sibTransId="{036F3462-1FE3-4E19-9DF9-CC6372343F33}"/>
    <dgm:cxn modelId="{083A0411-8049-420A-BEF3-74BCA35627EF}" type="presOf" srcId="{E516492E-AA4D-49FF-A1AE-55E58C8C4560}" destId="{71B20472-6FA3-4704-B103-5EFE39AF4F85}" srcOrd="1" destOrd="0" presId="urn:microsoft.com/office/officeart/2005/8/layout/vProcess5"/>
    <dgm:cxn modelId="{63236913-42D2-4DCF-A100-5DA0A2241527}" type="presOf" srcId="{A537E378-9A4D-4C22-B6AA-30004B59A5A2}" destId="{B7357A65-41A2-4DE9-BDFE-AE01724FDFC7}" srcOrd="0" destOrd="0" presId="urn:microsoft.com/office/officeart/2005/8/layout/vProcess5"/>
    <dgm:cxn modelId="{1E687115-3D7D-4412-8FEB-1C102297AC2D}" srcId="{AF669D0C-E1AE-45F0-AE01-513391B987B8}" destId="{6BC65A25-AE11-4229-838E-89B70CCA707A}" srcOrd="0" destOrd="0" parTransId="{090AA6C9-A336-46E6-83C7-FF818438CD25}" sibTransId="{A537E378-9A4D-4C22-B6AA-30004B59A5A2}"/>
    <dgm:cxn modelId="{C5806727-2CB8-48D3-A7F8-6612A153E43F}" type="presOf" srcId="{E516492E-AA4D-49FF-A1AE-55E58C8C4560}" destId="{FC4CAB9A-8E7C-4B7E-9B9A-2472F349A220}" srcOrd="0" destOrd="0" presId="urn:microsoft.com/office/officeart/2005/8/layout/vProcess5"/>
    <dgm:cxn modelId="{2441A135-C2B6-46D2-BF06-5E82A8AE6AA9}" type="presOf" srcId="{97B06930-C251-489D-AEE1-65F9870E495F}" destId="{C9E4BEE1-3AD4-4036-B629-99FBD9301756}" srcOrd="1" destOrd="0" presId="urn:microsoft.com/office/officeart/2005/8/layout/vProcess5"/>
    <dgm:cxn modelId="{8EACA461-3A7A-4B78-99EF-3FD75E6DFC28}" type="presOf" srcId="{6BC65A25-AE11-4229-838E-89B70CCA707A}" destId="{5E74CFC6-6FA4-4956-8D29-BFB808819409}" srcOrd="0" destOrd="0" presId="urn:microsoft.com/office/officeart/2005/8/layout/vProcess5"/>
    <dgm:cxn modelId="{9975DB61-5544-4549-9EEF-15ADA1EC29C9}" srcId="{AF669D0C-E1AE-45F0-AE01-513391B987B8}" destId="{DF6F772E-32A0-4405-8E6F-FB0C37985224}" srcOrd="1" destOrd="0" parTransId="{88C83575-C572-4B40-9C85-A0685139DED9}" sibTransId="{1CD320AD-82E1-4085-AFF4-4902C16D6435}"/>
    <dgm:cxn modelId="{FDDFE86C-0C48-4BC1-BE58-4D7F70D6F62D}" type="presOf" srcId="{1CD320AD-82E1-4085-AFF4-4902C16D6435}" destId="{EA690EBE-AFAD-42DB-AB47-6EBE248F00C4}" srcOrd="0" destOrd="0" presId="urn:microsoft.com/office/officeart/2005/8/layout/vProcess5"/>
    <dgm:cxn modelId="{85A83672-DF83-4C09-94FD-13814529833A}" srcId="{AF669D0C-E1AE-45F0-AE01-513391B987B8}" destId="{E516492E-AA4D-49FF-A1AE-55E58C8C4560}" srcOrd="3" destOrd="0" parTransId="{61E60D4B-C2A5-4505-97A2-97984E8E4A5D}" sibTransId="{FD0D7AB8-C260-4145-B166-391EB630A7A1}"/>
    <dgm:cxn modelId="{EBDD4752-C6F9-4142-8B6E-C6E84F194B22}" type="presOf" srcId="{DF6F772E-32A0-4405-8E6F-FB0C37985224}" destId="{3F756187-4EF5-4394-B3D5-3D6406582851}" srcOrd="1" destOrd="0" presId="urn:microsoft.com/office/officeart/2005/8/layout/vProcess5"/>
    <dgm:cxn modelId="{70778354-D0C4-4D11-B92D-5375927F8ABB}" type="presOf" srcId="{DF6F772E-32A0-4405-8E6F-FB0C37985224}" destId="{62DD4010-D91F-4DCE-BD6B-07F1D26F900C}" srcOrd="0" destOrd="0" presId="urn:microsoft.com/office/officeart/2005/8/layout/vProcess5"/>
    <dgm:cxn modelId="{D8933B7C-2795-4A09-8430-093CBF4233CF}" type="presOf" srcId="{97B06930-C251-489D-AEE1-65F9870E495F}" destId="{3DF063F7-8215-406A-AACE-4F0C97B70D54}" srcOrd="0" destOrd="0" presId="urn:microsoft.com/office/officeart/2005/8/layout/vProcess5"/>
    <dgm:cxn modelId="{56D2E2A7-67F7-419B-8B58-F4023111E9DF}" type="presOf" srcId="{6BC65A25-AE11-4229-838E-89B70CCA707A}" destId="{873339A6-4156-4625-9743-D3C5DEBA1AAD}" srcOrd="1" destOrd="0" presId="urn:microsoft.com/office/officeart/2005/8/layout/vProcess5"/>
    <dgm:cxn modelId="{B05F1DEA-ECA6-4A7D-AAF7-1A19D32A9FB9}" type="presOf" srcId="{036F3462-1FE3-4E19-9DF9-CC6372343F33}" destId="{3928831A-2C7B-4FF3-AE2B-522457A4AE60}" srcOrd="0" destOrd="0" presId="urn:microsoft.com/office/officeart/2005/8/layout/vProcess5"/>
    <dgm:cxn modelId="{94AC33C2-E2CC-4D99-87CF-13B58D16B8B5}" type="presParOf" srcId="{A2590738-F5D1-4B1A-8A97-D8D955FD6825}" destId="{27373293-8CD1-40DC-A058-33C650D9C66D}" srcOrd="0" destOrd="0" presId="urn:microsoft.com/office/officeart/2005/8/layout/vProcess5"/>
    <dgm:cxn modelId="{6CAE7D4F-F75B-4E56-9A23-D80A6B3540C4}" type="presParOf" srcId="{A2590738-F5D1-4B1A-8A97-D8D955FD6825}" destId="{5E74CFC6-6FA4-4956-8D29-BFB808819409}" srcOrd="1" destOrd="0" presId="urn:microsoft.com/office/officeart/2005/8/layout/vProcess5"/>
    <dgm:cxn modelId="{8163267B-B666-4C71-AD55-DBA81C6C82A9}" type="presParOf" srcId="{A2590738-F5D1-4B1A-8A97-D8D955FD6825}" destId="{62DD4010-D91F-4DCE-BD6B-07F1D26F900C}" srcOrd="2" destOrd="0" presId="urn:microsoft.com/office/officeart/2005/8/layout/vProcess5"/>
    <dgm:cxn modelId="{35DA7786-621C-4559-AD25-1A85A6F617CE}" type="presParOf" srcId="{A2590738-F5D1-4B1A-8A97-D8D955FD6825}" destId="{3DF063F7-8215-406A-AACE-4F0C97B70D54}" srcOrd="3" destOrd="0" presId="urn:microsoft.com/office/officeart/2005/8/layout/vProcess5"/>
    <dgm:cxn modelId="{D4E5A2E7-F729-40BC-B288-FF756286C3C9}" type="presParOf" srcId="{A2590738-F5D1-4B1A-8A97-D8D955FD6825}" destId="{FC4CAB9A-8E7C-4B7E-9B9A-2472F349A220}" srcOrd="4" destOrd="0" presId="urn:microsoft.com/office/officeart/2005/8/layout/vProcess5"/>
    <dgm:cxn modelId="{5ED381D0-3584-4B04-A2BA-59445967C538}" type="presParOf" srcId="{A2590738-F5D1-4B1A-8A97-D8D955FD6825}" destId="{B7357A65-41A2-4DE9-BDFE-AE01724FDFC7}" srcOrd="5" destOrd="0" presId="urn:microsoft.com/office/officeart/2005/8/layout/vProcess5"/>
    <dgm:cxn modelId="{087E159A-E0F2-4DCE-A7FF-4A7751DDDA5C}" type="presParOf" srcId="{A2590738-F5D1-4B1A-8A97-D8D955FD6825}" destId="{EA690EBE-AFAD-42DB-AB47-6EBE248F00C4}" srcOrd="6" destOrd="0" presId="urn:microsoft.com/office/officeart/2005/8/layout/vProcess5"/>
    <dgm:cxn modelId="{C9D187B0-56AA-4702-A7E2-8BFD06D9035E}" type="presParOf" srcId="{A2590738-F5D1-4B1A-8A97-D8D955FD6825}" destId="{3928831A-2C7B-4FF3-AE2B-522457A4AE60}" srcOrd="7" destOrd="0" presId="urn:microsoft.com/office/officeart/2005/8/layout/vProcess5"/>
    <dgm:cxn modelId="{D43D4445-67D1-4CBE-80D4-22A3464FB510}" type="presParOf" srcId="{A2590738-F5D1-4B1A-8A97-D8D955FD6825}" destId="{873339A6-4156-4625-9743-D3C5DEBA1AAD}" srcOrd="8" destOrd="0" presId="urn:microsoft.com/office/officeart/2005/8/layout/vProcess5"/>
    <dgm:cxn modelId="{99F8D783-AB1F-42C2-9234-C1251EA9C49C}" type="presParOf" srcId="{A2590738-F5D1-4B1A-8A97-D8D955FD6825}" destId="{3F756187-4EF5-4394-B3D5-3D6406582851}" srcOrd="9" destOrd="0" presId="urn:microsoft.com/office/officeart/2005/8/layout/vProcess5"/>
    <dgm:cxn modelId="{1F4A92EF-9448-4F7A-BC5C-9B7A964955C0}" type="presParOf" srcId="{A2590738-F5D1-4B1A-8A97-D8D955FD6825}" destId="{C9E4BEE1-3AD4-4036-B629-99FBD9301756}" srcOrd="10" destOrd="0" presId="urn:microsoft.com/office/officeart/2005/8/layout/vProcess5"/>
    <dgm:cxn modelId="{79A0F1E9-CAB7-4271-BE86-EF1BE04CD4FF}" type="presParOf" srcId="{A2590738-F5D1-4B1A-8A97-D8D955FD6825}" destId="{71B20472-6FA3-4704-B103-5EFE39AF4F85}" srcOrd="11" destOrd="0" presId="urn:microsoft.com/office/officeart/2005/8/layout/vProcess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2.xml><?xml version="1.0" encoding="utf-8"?>
<dgm:dataModel xmlns:dgm="http://schemas.openxmlformats.org/drawingml/2006/diagram" xmlns:a="http://schemas.openxmlformats.org/drawingml/2006/main">
  <dgm:ptLst>
    <dgm:pt modelId="{AC0F3FD5-7ED9-4D08-9856-5803A48CB2E1}" type="doc">
      <dgm:prSet loTypeId="urn:microsoft.com/office/officeart/2018/2/layout/IconCircleList" loCatId="icon" qsTypeId="urn:microsoft.com/office/officeart/2005/8/quickstyle/simple1" qsCatId="simple" csTypeId="urn:microsoft.com/office/officeart/2005/8/colors/accent2_2" csCatId="accent2" phldr="1"/>
      <dgm:spPr/>
      <dgm:t>
        <a:bodyPr/>
        <a:lstStyle/>
        <a:p>
          <a:endParaRPr lang="en-US"/>
        </a:p>
      </dgm:t>
    </dgm:pt>
    <dgm:pt modelId="{0B2FD7FF-B36C-4488-B8F4-4600BB2FA5DA}">
      <dgm:prSet custT="1"/>
      <dgm:spPr/>
      <dgm:t>
        <a:bodyPr/>
        <a:lstStyle/>
        <a:p>
          <a:r>
            <a:rPr lang="en-GB" sz="1600" dirty="0"/>
            <a:t>Client may formally “remind” outgoing supplier of their “standstill” obligations</a:t>
          </a:r>
          <a:endParaRPr lang="en-US" sz="1600" dirty="0"/>
        </a:p>
      </dgm:t>
    </dgm:pt>
    <dgm:pt modelId="{409E121B-043F-47A7-B622-02BB32B04B71}" type="parTrans" cxnId="{F34D4C85-5A01-4C0E-9255-101429C7DA2F}">
      <dgm:prSet/>
      <dgm:spPr/>
      <dgm:t>
        <a:bodyPr/>
        <a:lstStyle/>
        <a:p>
          <a:endParaRPr lang="en-US"/>
        </a:p>
      </dgm:t>
    </dgm:pt>
    <dgm:pt modelId="{2EB2B328-F64D-42AD-8ADE-DF28395E7A89}" type="sibTrans" cxnId="{F34D4C85-5A01-4C0E-9255-101429C7DA2F}">
      <dgm:prSet/>
      <dgm:spPr/>
      <dgm:t>
        <a:bodyPr/>
        <a:lstStyle/>
        <a:p>
          <a:endParaRPr lang="en-US"/>
        </a:p>
      </dgm:t>
    </dgm:pt>
    <dgm:pt modelId="{7F4F3742-C2D0-430B-A98B-ED606A63EFC4}">
      <dgm:prSet custT="1"/>
      <dgm:spPr/>
      <dgm:t>
        <a:bodyPr/>
        <a:lstStyle/>
        <a:p>
          <a:r>
            <a:rPr lang="en-GB" sz="1600" dirty="0"/>
            <a:t>New service provider may inherit changes which may increase employment costs beyond those envisaged in tender</a:t>
          </a:r>
          <a:endParaRPr lang="en-US" sz="1600" dirty="0"/>
        </a:p>
      </dgm:t>
    </dgm:pt>
    <dgm:pt modelId="{667A67EE-695A-46F2-8295-E6CDEEC9F4C4}" type="parTrans" cxnId="{548E11A2-E2FD-4158-959B-13E9B19DF3E9}">
      <dgm:prSet/>
      <dgm:spPr/>
      <dgm:t>
        <a:bodyPr/>
        <a:lstStyle/>
        <a:p>
          <a:endParaRPr lang="en-US"/>
        </a:p>
      </dgm:t>
    </dgm:pt>
    <dgm:pt modelId="{0FCACA02-4C88-4DEF-9933-5D4E7505DE92}" type="sibTrans" cxnId="{548E11A2-E2FD-4158-959B-13E9B19DF3E9}">
      <dgm:prSet/>
      <dgm:spPr/>
      <dgm:t>
        <a:bodyPr/>
        <a:lstStyle/>
        <a:p>
          <a:endParaRPr lang="en-US"/>
        </a:p>
      </dgm:t>
    </dgm:pt>
    <dgm:pt modelId="{750CE360-4B2E-49A3-92EB-9AC89935C11C}">
      <dgm:prSet custT="1"/>
      <dgm:spPr/>
      <dgm:t>
        <a:bodyPr/>
        <a:lstStyle/>
        <a:p>
          <a:r>
            <a:rPr lang="en-GB" sz="1600" dirty="0"/>
            <a:t>New service provider may be able to argue changes are void under TUPE</a:t>
          </a:r>
          <a:endParaRPr lang="en-US" sz="1600" dirty="0"/>
        </a:p>
      </dgm:t>
    </dgm:pt>
    <dgm:pt modelId="{7A3B49CB-E987-48D1-BEC0-8249A2423A79}" type="parTrans" cxnId="{FFBE2E32-9464-42C8-9378-E41C5A1DC89D}">
      <dgm:prSet/>
      <dgm:spPr/>
      <dgm:t>
        <a:bodyPr/>
        <a:lstStyle/>
        <a:p>
          <a:endParaRPr lang="en-US"/>
        </a:p>
      </dgm:t>
    </dgm:pt>
    <dgm:pt modelId="{4F58A5A3-9F9E-458D-B080-937E60B98E6A}" type="sibTrans" cxnId="{FFBE2E32-9464-42C8-9378-E41C5A1DC89D}">
      <dgm:prSet/>
      <dgm:spPr/>
      <dgm:t>
        <a:bodyPr/>
        <a:lstStyle/>
        <a:p>
          <a:endParaRPr lang="en-US"/>
        </a:p>
      </dgm:t>
    </dgm:pt>
    <dgm:pt modelId="{427CAC2F-38B3-46AF-9616-C5DF85C595C5}">
      <dgm:prSet custT="1"/>
      <dgm:spPr/>
      <dgm:t>
        <a:bodyPr/>
        <a:lstStyle/>
        <a:p>
          <a:r>
            <a:rPr lang="en-GB" sz="1600" dirty="0"/>
            <a:t>New service provider may have a commercial claim against the client if information provided is inaccurate because of the changes</a:t>
          </a:r>
          <a:endParaRPr lang="en-US" sz="1600" dirty="0"/>
        </a:p>
      </dgm:t>
    </dgm:pt>
    <dgm:pt modelId="{667170D6-955D-479E-88A5-E1A14C8EB9BA}" type="parTrans" cxnId="{4C4FBBB3-58E6-47C6-8AAD-07D2B643EEDE}">
      <dgm:prSet/>
      <dgm:spPr/>
      <dgm:t>
        <a:bodyPr/>
        <a:lstStyle/>
        <a:p>
          <a:endParaRPr lang="en-US"/>
        </a:p>
      </dgm:t>
    </dgm:pt>
    <dgm:pt modelId="{55914A96-512C-4CB1-A2F4-7F590A926148}" type="sibTrans" cxnId="{4C4FBBB3-58E6-47C6-8AAD-07D2B643EEDE}">
      <dgm:prSet/>
      <dgm:spPr/>
      <dgm:t>
        <a:bodyPr/>
        <a:lstStyle/>
        <a:p>
          <a:endParaRPr lang="en-US"/>
        </a:p>
      </dgm:t>
    </dgm:pt>
    <dgm:pt modelId="{49AE7392-4AB3-47EE-95E5-8FA27090F25D}">
      <dgm:prSet custT="1"/>
      <dgm:spPr/>
      <dgm:t>
        <a:bodyPr/>
        <a:lstStyle/>
        <a:p>
          <a:r>
            <a:rPr lang="en-GB" sz="1600" dirty="0"/>
            <a:t>Client and new service provider may have a commercial remedy against outgoing service provider</a:t>
          </a:r>
          <a:endParaRPr lang="en-US" sz="1600" dirty="0"/>
        </a:p>
      </dgm:t>
    </dgm:pt>
    <dgm:pt modelId="{3D4FB3F6-3176-4BFD-9B9F-8DC85BC4E2BC}" type="parTrans" cxnId="{E8FED4CA-F658-4E4C-B3EB-6A1555ECB697}">
      <dgm:prSet/>
      <dgm:spPr/>
      <dgm:t>
        <a:bodyPr/>
        <a:lstStyle/>
        <a:p>
          <a:endParaRPr lang="en-US"/>
        </a:p>
      </dgm:t>
    </dgm:pt>
    <dgm:pt modelId="{F8EFEB28-0136-4415-B944-F5C4FA9EBB4F}" type="sibTrans" cxnId="{E8FED4CA-F658-4E4C-B3EB-6A1555ECB697}">
      <dgm:prSet/>
      <dgm:spPr/>
      <dgm:t>
        <a:bodyPr/>
        <a:lstStyle/>
        <a:p>
          <a:endParaRPr lang="en-US"/>
        </a:p>
      </dgm:t>
    </dgm:pt>
    <dgm:pt modelId="{13DAE4EB-FF7E-4839-A11D-BEAA4F5B7BAE}" type="pres">
      <dgm:prSet presAssocID="{AC0F3FD5-7ED9-4D08-9856-5803A48CB2E1}" presName="root" presStyleCnt="0">
        <dgm:presLayoutVars>
          <dgm:dir/>
          <dgm:resizeHandles val="exact"/>
        </dgm:presLayoutVars>
      </dgm:prSet>
      <dgm:spPr/>
    </dgm:pt>
    <dgm:pt modelId="{9781B789-BFE5-46A1-9CBA-71CB65775ECA}" type="pres">
      <dgm:prSet presAssocID="{AC0F3FD5-7ED9-4D08-9856-5803A48CB2E1}" presName="container" presStyleCnt="0">
        <dgm:presLayoutVars>
          <dgm:dir/>
          <dgm:resizeHandles val="exact"/>
        </dgm:presLayoutVars>
      </dgm:prSet>
      <dgm:spPr/>
    </dgm:pt>
    <dgm:pt modelId="{649BCC22-2826-4643-8C5F-E8DF5D1AF7AF}" type="pres">
      <dgm:prSet presAssocID="{0B2FD7FF-B36C-4488-B8F4-4600BB2FA5DA}" presName="compNode" presStyleCnt="0"/>
      <dgm:spPr/>
    </dgm:pt>
    <dgm:pt modelId="{87C4C3A0-0B58-4C40-AFA4-250D72A3CB3A}" type="pres">
      <dgm:prSet presAssocID="{0B2FD7FF-B36C-4488-B8F4-4600BB2FA5DA}" presName="iconBgRect" presStyleLbl="bgShp" presStyleIdx="0" presStyleCnt="5"/>
      <dgm:spPr/>
    </dgm:pt>
    <dgm:pt modelId="{3A96AA58-7776-4C33-A6F4-7CF1EEC5CA2A}" type="pres">
      <dgm:prSet presAssocID="{0B2FD7FF-B36C-4488-B8F4-4600BB2FA5DA}" presName="iconRect" presStyleLbl="node1" presStyleIdx="0" presStyleCnt="5"/>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Office Worker"/>
        </a:ext>
      </dgm:extLst>
    </dgm:pt>
    <dgm:pt modelId="{EC746329-7E93-4BB5-83B2-2BDA54386A9B}" type="pres">
      <dgm:prSet presAssocID="{0B2FD7FF-B36C-4488-B8F4-4600BB2FA5DA}" presName="spaceRect" presStyleCnt="0"/>
      <dgm:spPr/>
    </dgm:pt>
    <dgm:pt modelId="{95EB18BF-ECF0-4C53-8538-694391490204}" type="pres">
      <dgm:prSet presAssocID="{0B2FD7FF-B36C-4488-B8F4-4600BB2FA5DA}" presName="textRect" presStyleLbl="revTx" presStyleIdx="0" presStyleCnt="5">
        <dgm:presLayoutVars>
          <dgm:chMax val="1"/>
          <dgm:chPref val="1"/>
        </dgm:presLayoutVars>
      </dgm:prSet>
      <dgm:spPr/>
    </dgm:pt>
    <dgm:pt modelId="{A7908941-26D0-4148-8DA8-6CE827123D12}" type="pres">
      <dgm:prSet presAssocID="{2EB2B328-F64D-42AD-8ADE-DF28395E7A89}" presName="sibTrans" presStyleLbl="sibTrans2D1" presStyleIdx="0" presStyleCnt="0"/>
      <dgm:spPr/>
    </dgm:pt>
    <dgm:pt modelId="{FCEB91FE-E460-4ACA-AE4E-1B6E0BA66D88}" type="pres">
      <dgm:prSet presAssocID="{7F4F3742-C2D0-430B-A98B-ED606A63EFC4}" presName="compNode" presStyleCnt="0"/>
      <dgm:spPr/>
    </dgm:pt>
    <dgm:pt modelId="{84933ED8-15A1-430F-BE11-BB77A694E724}" type="pres">
      <dgm:prSet presAssocID="{7F4F3742-C2D0-430B-A98B-ED606A63EFC4}" presName="iconBgRect" presStyleLbl="bgShp" presStyleIdx="1" presStyleCnt="5"/>
      <dgm:spPr/>
    </dgm:pt>
    <dgm:pt modelId="{019F1B58-AAFB-4579-9938-23C84F5A8B53}" type="pres">
      <dgm:prSet presAssocID="{7F4F3742-C2D0-430B-A98B-ED606A63EFC4}" presName="iconRect" presStyleLbl="node1" presStyleIdx="1" presStyleCnt="5"/>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Dollar"/>
        </a:ext>
      </dgm:extLst>
    </dgm:pt>
    <dgm:pt modelId="{AD8340FF-CF74-44B0-9CD4-3B4B8E210BBD}" type="pres">
      <dgm:prSet presAssocID="{7F4F3742-C2D0-430B-A98B-ED606A63EFC4}" presName="spaceRect" presStyleCnt="0"/>
      <dgm:spPr/>
    </dgm:pt>
    <dgm:pt modelId="{4B824084-85A2-4E94-913F-0FFC23A94D4A}" type="pres">
      <dgm:prSet presAssocID="{7F4F3742-C2D0-430B-A98B-ED606A63EFC4}" presName="textRect" presStyleLbl="revTx" presStyleIdx="1" presStyleCnt="5">
        <dgm:presLayoutVars>
          <dgm:chMax val="1"/>
          <dgm:chPref val="1"/>
        </dgm:presLayoutVars>
      </dgm:prSet>
      <dgm:spPr/>
    </dgm:pt>
    <dgm:pt modelId="{DE3873CC-F76B-4A70-9354-1282D5428761}" type="pres">
      <dgm:prSet presAssocID="{0FCACA02-4C88-4DEF-9933-5D4E7505DE92}" presName="sibTrans" presStyleLbl="sibTrans2D1" presStyleIdx="0" presStyleCnt="0"/>
      <dgm:spPr/>
    </dgm:pt>
    <dgm:pt modelId="{FBC1259D-534E-481D-9D88-C5E4E68E6D98}" type="pres">
      <dgm:prSet presAssocID="{750CE360-4B2E-49A3-92EB-9AC89935C11C}" presName="compNode" presStyleCnt="0"/>
      <dgm:spPr/>
    </dgm:pt>
    <dgm:pt modelId="{43C94412-C7D5-4C9F-8E91-8EB1BFBC1F11}" type="pres">
      <dgm:prSet presAssocID="{750CE360-4B2E-49A3-92EB-9AC89935C11C}" presName="iconBgRect" presStyleLbl="bgShp" presStyleIdx="2" presStyleCnt="5" custLinFactNeighborX="-341" custLinFactNeighborY="-28549"/>
      <dgm:spPr/>
    </dgm:pt>
    <dgm:pt modelId="{6347ED5B-F364-4B80-B08E-34C7DCA5C264}" type="pres">
      <dgm:prSet presAssocID="{750CE360-4B2E-49A3-92EB-9AC89935C11C}" presName="iconRect" presStyleLbl="node1" presStyleIdx="2" presStyleCnt="5" custLinFactNeighborX="-2937" custLinFactNeighborY="-5157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Irritant"/>
        </a:ext>
      </dgm:extLst>
    </dgm:pt>
    <dgm:pt modelId="{55F46652-93A9-4A59-8A4E-D5CBE60003BD}" type="pres">
      <dgm:prSet presAssocID="{750CE360-4B2E-49A3-92EB-9AC89935C11C}" presName="spaceRect" presStyleCnt="0"/>
      <dgm:spPr/>
    </dgm:pt>
    <dgm:pt modelId="{CF2B808C-79F4-4D14-8B75-8CD54A98DA05}" type="pres">
      <dgm:prSet presAssocID="{750CE360-4B2E-49A3-92EB-9AC89935C11C}" presName="textRect" presStyleLbl="revTx" presStyleIdx="2" presStyleCnt="5" custLinFactNeighborX="910" custLinFactNeighborY="-20584">
        <dgm:presLayoutVars>
          <dgm:chMax val="1"/>
          <dgm:chPref val="1"/>
        </dgm:presLayoutVars>
      </dgm:prSet>
      <dgm:spPr/>
    </dgm:pt>
    <dgm:pt modelId="{61FFA480-9E3F-453B-AA07-6AB6696000EE}" type="pres">
      <dgm:prSet presAssocID="{4F58A5A3-9F9E-458D-B080-937E60B98E6A}" presName="sibTrans" presStyleLbl="sibTrans2D1" presStyleIdx="0" presStyleCnt="0"/>
      <dgm:spPr/>
    </dgm:pt>
    <dgm:pt modelId="{89C65A84-6B96-458F-B47E-F30D859C84AF}" type="pres">
      <dgm:prSet presAssocID="{427CAC2F-38B3-46AF-9616-C5DF85C595C5}" presName="compNode" presStyleCnt="0"/>
      <dgm:spPr/>
    </dgm:pt>
    <dgm:pt modelId="{62F4586B-4B16-483C-B912-CCC6CC34CA0A}" type="pres">
      <dgm:prSet presAssocID="{427CAC2F-38B3-46AF-9616-C5DF85C595C5}" presName="iconBgRect" presStyleLbl="bgShp" presStyleIdx="3" presStyleCnt="5" custLinFactNeighborX="2051" custLinFactNeighborY="-30265"/>
      <dgm:spPr/>
    </dgm:pt>
    <dgm:pt modelId="{A080811F-2408-4138-8708-6DD9D164C10F}" type="pres">
      <dgm:prSet presAssocID="{427CAC2F-38B3-46AF-9616-C5DF85C595C5}" presName="iconRect" presStyleLbl="node1" presStyleIdx="3" presStyleCnt="5" custLinFactNeighborX="-3463" custLinFactNeighborY="-52226"/>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Judge"/>
        </a:ext>
      </dgm:extLst>
    </dgm:pt>
    <dgm:pt modelId="{4FB83697-6DA1-42D9-8EF1-7296594BD2DD}" type="pres">
      <dgm:prSet presAssocID="{427CAC2F-38B3-46AF-9616-C5DF85C595C5}" presName="spaceRect" presStyleCnt="0"/>
      <dgm:spPr/>
    </dgm:pt>
    <dgm:pt modelId="{14585F7B-C88E-4091-B5AE-7F44FCAA4DC3}" type="pres">
      <dgm:prSet presAssocID="{427CAC2F-38B3-46AF-9616-C5DF85C595C5}" presName="textRect" presStyleLbl="revTx" presStyleIdx="3" presStyleCnt="5" custLinFactNeighborX="-337" custLinFactNeighborY="-26231">
        <dgm:presLayoutVars>
          <dgm:chMax val="1"/>
          <dgm:chPref val="1"/>
        </dgm:presLayoutVars>
      </dgm:prSet>
      <dgm:spPr/>
    </dgm:pt>
    <dgm:pt modelId="{D31AABA9-F4EB-487E-BCC9-E010B8125A97}" type="pres">
      <dgm:prSet presAssocID="{55914A96-512C-4CB1-A2F4-7F590A926148}" presName="sibTrans" presStyleLbl="sibTrans2D1" presStyleIdx="0" presStyleCnt="0"/>
      <dgm:spPr/>
    </dgm:pt>
    <dgm:pt modelId="{F6118DB2-0E77-45DE-8FBC-3657D3FE8E38}" type="pres">
      <dgm:prSet presAssocID="{49AE7392-4AB3-47EE-95E5-8FA27090F25D}" presName="compNode" presStyleCnt="0"/>
      <dgm:spPr/>
    </dgm:pt>
    <dgm:pt modelId="{4017FBFD-3517-4DF4-A012-071B366F6DDE}" type="pres">
      <dgm:prSet presAssocID="{49AE7392-4AB3-47EE-95E5-8FA27090F25D}" presName="iconBgRect" presStyleLbl="bgShp" presStyleIdx="4" presStyleCnt="5" custLinFactX="91124" custLinFactNeighborX="100000" custLinFactNeighborY="-63401"/>
      <dgm:spPr/>
    </dgm:pt>
    <dgm:pt modelId="{F46CA40A-83BB-4570-AA7C-DDA724853689}" type="pres">
      <dgm:prSet presAssocID="{49AE7392-4AB3-47EE-95E5-8FA27090F25D}" presName="iconRect" presStyleLbl="node1" presStyleIdx="4" presStyleCnt="5" custLinFactX="127174" custLinFactNeighborX="200000" custLinFactNeighborY="-96851"/>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Handshake"/>
        </a:ext>
      </dgm:extLst>
    </dgm:pt>
    <dgm:pt modelId="{67699810-9AB2-4BEC-8B84-8985832290D5}" type="pres">
      <dgm:prSet presAssocID="{49AE7392-4AB3-47EE-95E5-8FA27090F25D}" presName="spaceRect" presStyleCnt="0"/>
      <dgm:spPr/>
    </dgm:pt>
    <dgm:pt modelId="{7F4D87FE-694A-4685-ABD7-48BD14D98FA5}" type="pres">
      <dgm:prSet presAssocID="{49AE7392-4AB3-47EE-95E5-8FA27090F25D}" presName="textRect" presStyleLbl="revTx" presStyleIdx="4" presStyleCnt="5" custLinFactNeighborX="77471" custLinFactNeighborY="-63401">
        <dgm:presLayoutVars>
          <dgm:chMax val="1"/>
          <dgm:chPref val="1"/>
        </dgm:presLayoutVars>
      </dgm:prSet>
      <dgm:spPr/>
    </dgm:pt>
  </dgm:ptLst>
  <dgm:cxnLst>
    <dgm:cxn modelId="{FFBE2E32-9464-42C8-9378-E41C5A1DC89D}" srcId="{AC0F3FD5-7ED9-4D08-9856-5803A48CB2E1}" destId="{750CE360-4B2E-49A3-92EB-9AC89935C11C}" srcOrd="2" destOrd="0" parTransId="{7A3B49CB-E987-48D1-BEC0-8249A2423A79}" sibTransId="{4F58A5A3-9F9E-458D-B080-937E60B98E6A}"/>
    <dgm:cxn modelId="{0D63C363-85FB-446E-BD10-7D06B59CAA72}" type="presOf" srcId="{2EB2B328-F64D-42AD-8ADE-DF28395E7A89}" destId="{A7908941-26D0-4148-8DA8-6CE827123D12}" srcOrd="0" destOrd="0" presId="urn:microsoft.com/office/officeart/2018/2/layout/IconCircleList"/>
    <dgm:cxn modelId="{C3F16766-FEAE-4C08-A23A-4A6C36339257}" type="presOf" srcId="{0FCACA02-4C88-4DEF-9933-5D4E7505DE92}" destId="{DE3873CC-F76B-4A70-9354-1282D5428761}" srcOrd="0" destOrd="0" presId="urn:microsoft.com/office/officeart/2018/2/layout/IconCircleList"/>
    <dgm:cxn modelId="{6B4D496D-64A4-476C-A745-59B7F215ABC5}" type="presOf" srcId="{0B2FD7FF-B36C-4488-B8F4-4600BB2FA5DA}" destId="{95EB18BF-ECF0-4C53-8538-694391490204}" srcOrd="0" destOrd="0" presId="urn:microsoft.com/office/officeart/2018/2/layout/IconCircleList"/>
    <dgm:cxn modelId="{F5F35954-1C4E-41E8-9EBC-2E8F3D4EA101}" type="presOf" srcId="{4F58A5A3-9F9E-458D-B080-937E60B98E6A}" destId="{61FFA480-9E3F-453B-AA07-6AB6696000EE}" srcOrd="0" destOrd="0" presId="urn:microsoft.com/office/officeart/2018/2/layout/IconCircleList"/>
    <dgm:cxn modelId="{BAB81480-10AA-4FC6-AF38-73B4548273A6}" type="presOf" srcId="{750CE360-4B2E-49A3-92EB-9AC89935C11C}" destId="{CF2B808C-79F4-4D14-8B75-8CD54A98DA05}" srcOrd="0" destOrd="0" presId="urn:microsoft.com/office/officeart/2018/2/layout/IconCircleList"/>
    <dgm:cxn modelId="{F34D4C85-5A01-4C0E-9255-101429C7DA2F}" srcId="{AC0F3FD5-7ED9-4D08-9856-5803A48CB2E1}" destId="{0B2FD7FF-B36C-4488-B8F4-4600BB2FA5DA}" srcOrd="0" destOrd="0" parTransId="{409E121B-043F-47A7-B622-02BB32B04B71}" sibTransId="{2EB2B328-F64D-42AD-8ADE-DF28395E7A89}"/>
    <dgm:cxn modelId="{942B6190-B9B3-45A8-AF29-4FCC47B7DFDC}" type="presOf" srcId="{7F4F3742-C2D0-430B-A98B-ED606A63EFC4}" destId="{4B824084-85A2-4E94-913F-0FFC23A94D4A}" srcOrd="0" destOrd="0" presId="urn:microsoft.com/office/officeart/2018/2/layout/IconCircleList"/>
    <dgm:cxn modelId="{0136ED9C-1A36-4516-A81C-7B6DF5FA6506}" type="presOf" srcId="{427CAC2F-38B3-46AF-9616-C5DF85C595C5}" destId="{14585F7B-C88E-4091-B5AE-7F44FCAA4DC3}" srcOrd="0" destOrd="0" presId="urn:microsoft.com/office/officeart/2018/2/layout/IconCircleList"/>
    <dgm:cxn modelId="{548E11A2-E2FD-4158-959B-13E9B19DF3E9}" srcId="{AC0F3FD5-7ED9-4D08-9856-5803A48CB2E1}" destId="{7F4F3742-C2D0-430B-A98B-ED606A63EFC4}" srcOrd="1" destOrd="0" parTransId="{667A67EE-695A-46F2-8295-E6CDEEC9F4C4}" sibTransId="{0FCACA02-4C88-4DEF-9933-5D4E7505DE92}"/>
    <dgm:cxn modelId="{4C4FBBB3-58E6-47C6-8AAD-07D2B643EEDE}" srcId="{AC0F3FD5-7ED9-4D08-9856-5803A48CB2E1}" destId="{427CAC2F-38B3-46AF-9616-C5DF85C595C5}" srcOrd="3" destOrd="0" parTransId="{667170D6-955D-479E-88A5-E1A14C8EB9BA}" sibTransId="{55914A96-512C-4CB1-A2F4-7F590A926148}"/>
    <dgm:cxn modelId="{BF0071BF-2F8F-4873-833C-88E24602DAE0}" type="presOf" srcId="{55914A96-512C-4CB1-A2F4-7F590A926148}" destId="{D31AABA9-F4EB-487E-BCC9-E010B8125A97}" srcOrd="0" destOrd="0" presId="urn:microsoft.com/office/officeart/2018/2/layout/IconCircleList"/>
    <dgm:cxn modelId="{E8FED4CA-F658-4E4C-B3EB-6A1555ECB697}" srcId="{AC0F3FD5-7ED9-4D08-9856-5803A48CB2E1}" destId="{49AE7392-4AB3-47EE-95E5-8FA27090F25D}" srcOrd="4" destOrd="0" parTransId="{3D4FB3F6-3176-4BFD-9B9F-8DC85BC4E2BC}" sibTransId="{F8EFEB28-0136-4415-B944-F5C4FA9EBB4F}"/>
    <dgm:cxn modelId="{487390CC-7F1B-4005-825C-36FF1F6B08E9}" type="presOf" srcId="{49AE7392-4AB3-47EE-95E5-8FA27090F25D}" destId="{7F4D87FE-694A-4685-ABD7-48BD14D98FA5}" srcOrd="0" destOrd="0" presId="urn:microsoft.com/office/officeart/2018/2/layout/IconCircleList"/>
    <dgm:cxn modelId="{546D17DF-43E5-4E25-AFA4-54513375D458}" type="presOf" srcId="{AC0F3FD5-7ED9-4D08-9856-5803A48CB2E1}" destId="{13DAE4EB-FF7E-4839-A11D-BEAA4F5B7BAE}" srcOrd="0" destOrd="0" presId="urn:microsoft.com/office/officeart/2018/2/layout/IconCircleList"/>
    <dgm:cxn modelId="{45FA13C3-B083-4AA0-A301-89D17FF06C94}" type="presParOf" srcId="{13DAE4EB-FF7E-4839-A11D-BEAA4F5B7BAE}" destId="{9781B789-BFE5-46A1-9CBA-71CB65775ECA}" srcOrd="0" destOrd="0" presId="urn:microsoft.com/office/officeart/2018/2/layout/IconCircleList"/>
    <dgm:cxn modelId="{6E1DDB6B-18D9-4C85-9827-3E8A12915ACD}" type="presParOf" srcId="{9781B789-BFE5-46A1-9CBA-71CB65775ECA}" destId="{649BCC22-2826-4643-8C5F-E8DF5D1AF7AF}" srcOrd="0" destOrd="0" presId="urn:microsoft.com/office/officeart/2018/2/layout/IconCircleList"/>
    <dgm:cxn modelId="{6328F94D-6C5C-4E78-B231-EDFFF95C96DC}" type="presParOf" srcId="{649BCC22-2826-4643-8C5F-E8DF5D1AF7AF}" destId="{87C4C3A0-0B58-4C40-AFA4-250D72A3CB3A}" srcOrd="0" destOrd="0" presId="urn:microsoft.com/office/officeart/2018/2/layout/IconCircleList"/>
    <dgm:cxn modelId="{41D84F62-6087-4607-9EAF-34C6CFA13607}" type="presParOf" srcId="{649BCC22-2826-4643-8C5F-E8DF5D1AF7AF}" destId="{3A96AA58-7776-4C33-A6F4-7CF1EEC5CA2A}" srcOrd="1" destOrd="0" presId="urn:microsoft.com/office/officeart/2018/2/layout/IconCircleList"/>
    <dgm:cxn modelId="{CE56B0E9-8C3D-4AB3-A644-C6C44DAD63D7}" type="presParOf" srcId="{649BCC22-2826-4643-8C5F-E8DF5D1AF7AF}" destId="{EC746329-7E93-4BB5-83B2-2BDA54386A9B}" srcOrd="2" destOrd="0" presId="urn:microsoft.com/office/officeart/2018/2/layout/IconCircleList"/>
    <dgm:cxn modelId="{3EF9C87B-C488-4EBC-B7EF-CE66DB569BAB}" type="presParOf" srcId="{649BCC22-2826-4643-8C5F-E8DF5D1AF7AF}" destId="{95EB18BF-ECF0-4C53-8538-694391490204}" srcOrd="3" destOrd="0" presId="urn:microsoft.com/office/officeart/2018/2/layout/IconCircleList"/>
    <dgm:cxn modelId="{E86524CE-34D0-4B33-B020-13559D285F60}" type="presParOf" srcId="{9781B789-BFE5-46A1-9CBA-71CB65775ECA}" destId="{A7908941-26D0-4148-8DA8-6CE827123D12}" srcOrd="1" destOrd="0" presId="urn:microsoft.com/office/officeart/2018/2/layout/IconCircleList"/>
    <dgm:cxn modelId="{41B19C60-05E9-4C87-86C3-4FBCB0174293}" type="presParOf" srcId="{9781B789-BFE5-46A1-9CBA-71CB65775ECA}" destId="{FCEB91FE-E460-4ACA-AE4E-1B6E0BA66D88}" srcOrd="2" destOrd="0" presId="urn:microsoft.com/office/officeart/2018/2/layout/IconCircleList"/>
    <dgm:cxn modelId="{A1BCA980-6283-4278-8A91-09722CCAA66E}" type="presParOf" srcId="{FCEB91FE-E460-4ACA-AE4E-1B6E0BA66D88}" destId="{84933ED8-15A1-430F-BE11-BB77A694E724}" srcOrd="0" destOrd="0" presId="urn:microsoft.com/office/officeart/2018/2/layout/IconCircleList"/>
    <dgm:cxn modelId="{21210E66-CA67-467B-9A62-F94309498BB5}" type="presParOf" srcId="{FCEB91FE-E460-4ACA-AE4E-1B6E0BA66D88}" destId="{019F1B58-AAFB-4579-9938-23C84F5A8B53}" srcOrd="1" destOrd="0" presId="urn:microsoft.com/office/officeart/2018/2/layout/IconCircleList"/>
    <dgm:cxn modelId="{8085BDB4-5A0E-4605-A763-2155ECFB83EF}" type="presParOf" srcId="{FCEB91FE-E460-4ACA-AE4E-1B6E0BA66D88}" destId="{AD8340FF-CF74-44B0-9CD4-3B4B8E210BBD}" srcOrd="2" destOrd="0" presId="urn:microsoft.com/office/officeart/2018/2/layout/IconCircleList"/>
    <dgm:cxn modelId="{624B04FB-7896-4967-BD43-000BFC5FBF4B}" type="presParOf" srcId="{FCEB91FE-E460-4ACA-AE4E-1B6E0BA66D88}" destId="{4B824084-85A2-4E94-913F-0FFC23A94D4A}" srcOrd="3" destOrd="0" presId="urn:microsoft.com/office/officeart/2018/2/layout/IconCircleList"/>
    <dgm:cxn modelId="{C56BE67F-B9B3-498F-B9E9-29A5012378D0}" type="presParOf" srcId="{9781B789-BFE5-46A1-9CBA-71CB65775ECA}" destId="{DE3873CC-F76B-4A70-9354-1282D5428761}" srcOrd="3" destOrd="0" presId="urn:microsoft.com/office/officeart/2018/2/layout/IconCircleList"/>
    <dgm:cxn modelId="{22D197FE-11A7-4E8D-AE72-88AEEB827B99}" type="presParOf" srcId="{9781B789-BFE5-46A1-9CBA-71CB65775ECA}" destId="{FBC1259D-534E-481D-9D88-C5E4E68E6D98}" srcOrd="4" destOrd="0" presId="urn:microsoft.com/office/officeart/2018/2/layout/IconCircleList"/>
    <dgm:cxn modelId="{B2F3B069-55A3-4083-A6A0-7D119287DA4C}" type="presParOf" srcId="{FBC1259D-534E-481D-9D88-C5E4E68E6D98}" destId="{43C94412-C7D5-4C9F-8E91-8EB1BFBC1F11}" srcOrd="0" destOrd="0" presId="urn:microsoft.com/office/officeart/2018/2/layout/IconCircleList"/>
    <dgm:cxn modelId="{DA66DDC0-101F-44FF-AFE0-7512C54408C8}" type="presParOf" srcId="{FBC1259D-534E-481D-9D88-C5E4E68E6D98}" destId="{6347ED5B-F364-4B80-B08E-34C7DCA5C264}" srcOrd="1" destOrd="0" presId="urn:microsoft.com/office/officeart/2018/2/layout/IconCircleList"/>
    <dgm:cxn modelId="{870E6E47-6704-4482-ABC2-0F27A50F35B4}" type="presParOf" srcId="{FBC1259D-534E-481D-9D88-C5E4E68E6D98}" destId="{55F46652-93A9-4A59-8A4E-D5CBE60003BD}" srcOrd="2" destOrd="0" presId="urn:microsoft.com/office/officeart/2018/2/layout/IconCircleList"/>
    <dgm:cxn modelId="{92B87838-3661-442B-9ECC-7816CD810451}" type="presParOf" srcId="{FBC1259D-534E-481D-9D88-C5E4E68E6D98}" destId="{CF2B808C-79F4-4D14-8B75-8CD54A98DA05}" srcOrd="3" destOrd="0" presId="urn:microsoft.com/office/officeart/2018/2/layout/IconCircleList"/>
    <dgm:cxn modelId="{9D70B081-FB50-4AD4-A3EB-EEA94A62FC2F}" type="presParOf" srcId="{9781B789-BFE5-46A1-9CBA-71CB65775ECA}" destId="{61FFA480-9E3F-453B-AA07-6AB6696000EE}" srcOrd="5" destOrd="0" presId="urn:microsoft.com/office/officeart/2018/2/layout/IconCircleList"/>
    <dgm:cxn modelId="{55C217A3-16E9-4E32-A532-505251712E0C}" type="presParOf" srcId="{9781B789-BFE5-46A1-9CBA-71CB65775ECA}" destId="{89C65A84-6B96-458F-B47E-F30D859C84AF}" srcOrd="6" destOrd="0" presId="urn:microsoft.com/office/officeart/2018/2/layout/IconCircleList"/>
    <dgm:cxn modelId="{9DBD23B4-98DE-418B-A094-B53E5287BE36}" type="presParOf" srcId="{89C65A84-6B96-458F-B47E-F30D859C84AF}" destId="{62F4586B-4B16-483C-B912-CCC6CC34CA0A}" srcOrd="0" destOrd="0" presId="urn:microsoft.com/office/officeart/2018/2/layout/IconCircleList"/>
    <dgm:cxn modelId="{3263D031-7465-4A5D-AED0-DC7657412497}" type="presParOf" srcId="{89C65A84-6B96-458F-B47E-F30D859C84AF}" destId="{A080811F-2408-4138-8708-6DD9D164C10F}" srcOrd="1" destOrd="0" presId="urn:microsoft.com/office/officeart/2018/2/layout/IconCircleList"/>
    <dgm:cxn modelId="{436AE522-4BDA-402B-9D56-316FC8B925B8}" type="presParOf" srcId="{89C65A84-6B96-458F-B47E-F30D859C84AF}" destId="{4FB83697-6DA1-42D9-8EF1-7296594BD2DD}" srcOrd="2" destOrd="0" presId="urn:microsoft.com/office/officeart/2018/2/layout/IconCircleList"/>
    <dgm:cxn modelId="{AB896091-7C16-4F23-869E-B0D21C92D83E}" type="presParOf" srcId="{89C65A84-6B96-458F-B47E-F30D859C84AF}" destId="{14585F7B-C88E-4091-B5AE-7F44FCAA4DC3}" srcOrd="3" destOrd="0" presId="urn:microsoft.com/office/officeart/2018/2/layout/IconCircleList"/>
    <dgm:cxn modelId="{8DBF0B6D-AC6C-4965-9648-5BEC427A294D}" type="presParOf" srcId="{9781B789-BFE5-46A1-9CBA-71CB65775ECA}" destId="{D31AABA9-F4EB-487E-BCC9-E010B8125A97}" srcOrd="7" destOrd="0" presId="urn:microsoft.com/office/officeart/2018/2/layout/IconCircleList"/>
    <dgm:cxn modelId="{BEA15E23-4B9B-402D-8057-56DB03EF815F}" type="presParOf" srcId="{9781B789-BFE5-46A1-9CBA-71CB65775ECA}" destId="{F6118DB2-0E77-45DE-8FBC-3657D3FE8E38}" srcOrd="8" destOrd="0" presId="urn:microsoft.com/office/officeart/2018/2/layout/IconCircleList"/>
    <dgm:cxn modelId="{EF74CB8B-67C6-4420-9482-F5A36225A1B0}" type="presParOf" srcId="{F6118DB2-0E77-45DE-8FBC-3657D3FE8E38}" destId="{4017FBFD-3517-4DF4-A012-071B366F6DDE}" srcOrd="0" destOrd="0" presId="urn:microsoft.com/office/officeart/2018/2/layout/IconCircleList"/>
    <dgm:cxn modelId="{6A51CB26-972E-47B3-9760-CC7B62017389}" type="presParOf" srcId="{F6118DB2-0E77-45DE-8FBC-3657D3FE8E38}" destId="{F46CA40A-83BB-4570-AA7C-DDA724853689}" srcOrd="1" destOrd="0" presId="urn:microsoft.com/office/officeart/2018/2/layout/IconCircleList"/>
    <dgm:cxn modelId="{D92356AC-E267-435A-A4BF-27CE5C3A77BE}" type="presParOf" srcId="{F6118DB2-0E77-45DE-8FBC-3657D3FE8E38}" destId="{67699810-9AB2-4BEC-8B84-8985832290D5}" srcOrd="2" destOrd="0" presId="urn:microsoft.com/office/officeart/2018/2/layout/IconCircleList"/>
    <dgm:cxn modelId="{007C48BA-9E03-4F79-B006-AF0C7A04AF09}" type="presParOf" srcId="{F6118DB2-0E77-45DE-8FBC-3657D3FE8E38}" destId="{7F4D87FE-694A-4685-ABD7-48BD14D98FA5}" srcOrd="3" destOrd="0" presId="urn:microsoft.com/office/officeart/2018/2/layout/IconCircle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3.xml><?xml version="1.0" encoding="utf-8"?>
<dgm:dataModel xmlns:dgm="http://schemas.openxmlformats.org/drawingml/2006/diagram" xmlns:a="http://schemas.openxmlformats.org/drawingml/2006/main">
  <dgm:ptLst>
    <dgm:pt modelId="{586D34D3-A487-4F99-9579-65D906ABBE50}" type="doc">
      <dgm:prSet loTypeId="urn:microsoft.com/office/officeart/2005/8/layout/bList2" loCatId="list" qsTypeId="urn:microsoft.com/office/officeart/2005/8/quickstyle/simple1" qsCatId="simple" csTypeId="urn:microsoft.com/office/officeart/2005/8/colors/accent1_3" csCatId="accent1" phldr="1"/>
      <dgm:spPr/>
      <dgm:t>
        <a:bodyPr/>
        <a:lstStyle/>
        <a:p>
          <a:endParaRPr lang="en-GB"/>
        </a:p>
      </dgm:t>
    </dgm:pt>
    <dgm:pt modelId="{4E2BDEB0-675A-48BD-AAE7-00F33A9BD3A9}">
      <dgm:prSet phldrT="[Text]" phldr="0"/>
      <dgm:spPr/>
      <dgm:t>
        <a:bodyPr/>
        <a:lstStyle/>
        <a:p>
          <a:r>
            <a:rPr lang="en-GB" dirty="0"/>
            <a:t>Client </a:t>
          </a:r>
        </a:p>
      </dgm:t>
    </dgm:pt>
    <dgm:pt modelId="{A713D44C-2446-4B5C-B63F-7A6F93EAF881}" type="parTrans" cxnId="{74BD4BA2-6A6B-4CC2-B472-9CE55BD87223}">
      <dgm:prSet/>
      <dgm:spPr/>
      <dgm:t>
        <a:bodyPr/>
        <a:lstStyle/>
        <a:p>
          <a:endParaRPr lang="en-GB"/>
        </a:p>
      </dgm:t>
    </dgm:pt>
    <dgm:pt modelId="{CEFBEEF1-48A7-47EB-958D-E0E5097F1675}" type="sibTrans" cxnId="{74BD4BA2-6A6B-4CC2-B472-9CE55BD87223}">
      <dgm:prSet/>
      <dgm:spPr/>
      <dgm:t>
        <a:bodyPr/>
        <a:lstStyle/>
        <a:p>
          <a:endParaRPr lang="en-GB"/>
        </a:p>
      </dgm:t>
    </dgm:pt>
    <dgm:pt modelId="{AE79637D-41AB-4460-9A8D-650963365391}">
      <dgm:prSet phldrT="[Text]" phldr="0" custT="1"/>
      <dgm:spPr/>
      <dgm:t>
        <a:bodyPr/>
        <a:lstStyle/>
        <a:p>
          <a:pPr>
            <a:spcBef>
              <a:spcPts val="600"/>
            </a:spcBef>
          </a:pPr>
          <a:r>
            <a:rPr lang="en-GB" sz="1500" dirty="0"/>
            <a:t>TUPE may affect pricing of bids</a:t>
          </a:r>
        </a:p>
      </dgm:t>
    </dgm:pt>
    <dgm:pt modelId="{4C7BE156-5897-42EF-BF65-D351E922A03F}" type="parTrans" cxnId="{7ACA550A-78FC-4AC1-BF72-E2BA7D4442F5}">
      <dgm:prSet/>
      <dgm:spPr/>
      <dgm:t>
        <a:bodyPr/>
        <a:lstStyle/>
        <a:p>
          <a:endParaRPr lang="en-GB"/>
        </a:p>
      </dgm:t>
    </dgm:pt>
    <dgm:pt modelId="{AE7AE59F-CA1D-4FF9-AD56-011400D2947D}" type="sibTrans" cxnId="{7ACA550A-78FC-4AC1-BF72-E2BA7D4442F5}">
      <dgm:prSet/>
      <dgm:spPr/>
      <dgm:t>
        <a:bodyPr/>
        <a:lstStyle/>
        <a:p>
          <a:endParaRPr lang="en-GB"/>
        </a:p>
      </dgm:t>
    </dgm:pt>
    <dgm:pt modelId="{3F52DAD3-F23F-4093-B5FF-4250463429EB}">
      <dgm:prSet phldrT="[Text]" phldr="0"/>
      <dgm:spPr/>
      <dgm:t>
        <a:bodyPr/>
        <a:lstStyle/>
        <a:p>
          <a:r>
            <a:rPr lang="en-GB" dirty="0"/>
            <a:t>Outgoing provider</a:t>
          </a:r>
        </a:p>
      </dgm:t>
    </dgm:pt>
    <dgm:pt modelId="{905C9211-2D63-4F52-B11C-2D0CB81CE317}" type="parTrans" cxnId="{AEDC8BA3-8130-48D4-8102-B9612A924C2C}">
      <dgm:prSet/>
      <dgm:spPr/>
      <dgm:t>
        <a:bodyPr/>
        <a:lstStyle/>
        <a:p>
          <a:endParaRPr lang="en-GB"/>
        </a:p>
      </dgm:t>
    </dgm:pt>
    <dgm:pt modelId="{7EB7ED38-36D5-4025-ADC4-80897ED8E790}" type="sibTrans" cxnId="{AEDC8BA3-8130-48D4-8102-B9612A924C2C}">
      <dgm:prSet/>
      <dgm:spPr/>
      <dgm:t>
        <a:bodyPr/>
        <a:lstStyle/>
        <a:p>
          <a:endParaRPr lang="en-GB"/>
        </a:p>
      </dgm:t>
    </dgm:pt>
    <dgm:pt modelId="{0B939814-4E37-4D5A-AB6D-44462DEB7ACD}">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Likely to favour TUPE applying</a:t>
          </a:r>
        </a:p>
      </dgm:t>
    </dgm:pt>
    <dgm:pt modelId="{E6BD1580-64E6-427B-84D2-32D8A12947FC}" type="parTrans" cxnId="{521DD56E-ADAA-4249-8511-E519D0E53CBC}">
      <dgm:prSet/>
      <dgm:spPr/>
      <dgm:t>
        <a:bodyPr/>
        <a:lstStyle/>
        <a:p>
          <a:endParaRPr lang="en-GB"/>
        </a:p>
      </dgm:t>
    </dgm:pt>
    <dgm:pt modelId="{570BC168-8A5A-4312-9269-17375ADB1024}" type="sibTrans" cxnId="{521DD56E-ADAA-4249-8511-E519D0E53CBC}">
      <dgm:prSet/>
      <dgm:spPr/>
      <dgm:t>
        <a:bodyPr/>
        <a:lstStyle/>
        <a:p>
          <a:endParaRPr lang="en-GB"/>
        </a:p>
      </dgm:t>
    </dgm:pt>
    <dgm:pt modelId="{92E1A7A3-6124-4152-9613-840AD648AB41}">
      <dgm:prSet phldrT="[Text]" phldr="0"/>
      <dgm:spPr/>
      <dgm:t>
        <a:bodyPr/>
        <a:lstStyle/>
        <a:p>
          <a:r>
            <a:rPr lang="en-GB" dirty="0"/>
            <a:t>New provider</a:t>
          </a:r>
        </a:p>
      </dgm:t>
    </dgm:pt>
    <dgm:pt modelId="{6AABBA00-9F26-40DE-971F-E4CEAD6FE14D}" type="parTrans" cxnId="{DB604D1B-98F2-4377-9DD9-A9B1BF05802F}">
      <dgm:prSet/>
      <dgm:spPr/>
      <dgm:t>
        <a:bodyPr/>
        <a:lstStyle/>
        <a:p>
          <a:endParaRPr lang="en-GB"/>
        </a:p>
      </dgm:t>
    </dgm:pt>
    <dgm:pt modelId="{FE2EC987-55E9-4E28-863E-96F94DE6D7FD}" type="sibTrans" cxnId="{DB604D1B-98F2-4377-9DD9-A9B1BF05802F}">
      <dgm:prSet/>
      <dgm:spPr/>
      <dgm:t>
        <a:bodyPr/>
        <a:lstStyle/>
        <a:p>
          <a:endParaRPr lang="en-GB"/>
        </a:p>
      </dgm:t>
    </dgm:pt>
    <dgm:pt modelId="{F3059F60-65FF-441E-BA77-FC674396B8FC}">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Factor employment costs into bid</a:t>
          </a:r>
        </a:p>
      </dgm:t>
    </dgm:pt>
    <dgm:pt modelId="{B1FDD23B-73AD-4A72-984F-7D7D9F08A56C}" type="parTrans" cxnId="{3EE0EFE0-37EC-4534-9929-838013ED7EB9}">
      <dgm:prSet/>
      <dgm:spPr/>
      <dgm:t>
        <a:bodyPr/>
        <a:lstStyle/>
        <a:p>
          <a:endParaRPr lang="en-GB"/>
        </a:p>
      </dgm:t>
    </dgm:pt>
    <dgm:pt modelId="{250E8D74-00B8-4DB9-8913-475F41ED380A}" type="sibTrans" cxnId="{3EE0EFE0-37EC-4534-9929-838013ED7EB9}">
      <dgm:prSet/>
      <dgm:spPr/>
      <dgm:t>
        <a:bodyPr/>
        <a:lstStyle/>
        <a:p>
          <a:endParaRPr lang="en-GB"/>
        </a:p>
      </dgm:t>
    </dgm:pt>
    <dgm:pt modelId="{83D888D8-4F06-4D6C-BE4D-B5FD1586A267}">
      <dgm:prSet phldrT="[Text]" phldr="0" custT="1"/>
      <dgm:spPr/>
      <dgm:t>
        <a:bodyPr/>
        <a:lstStyle/>
        <a:p>
          <a:pPr>
            <a:spcBef>
              <a:spcPts val="600"/>
            </a:spcBef>
          </a:pPr>
          <a:r>
            <a:rPr lang="en-GB" sz="1500" dirty="0"/>
            <a:t>Wants service change process to be smooth</a:t>
          </a:r>
        </a:p>
      </dgm:t>
    </dgm:pt>
    <dgm:pt modelId="{53FA50FA-D2CD-4E64-9837-16882FA6C131}" type="parTrans" cxnId="{829CE1CA-60E3-41C5-94A1-17D3182E71B2}">
      <dgm:prSet/>
      <dgm:spPr/>
      <dgm:t>
        <a:bodyPr/>
        <a:lstStyle/>
        <a:p>
          <a:endParaRPr lang="en-GB"/>
        </a:p>
      </dgm:t>
    </dgm:pt>
    <dgm:pt modelId="{5E75F8F0-FB21-4715-BA4A-EACA1FE9C2C0}" type="sibTrans" cxnId="{829CE1CA-60E3-41C5-94A1-17D3182E71B2}">
      <dgm:prSet/>
      <dgm:spPr/>
      <dgm:t>
        <a:bodyPr/>
        <a:lstStyle/>
        <a:p>
          <a:endParaRPr lang="en-GB"/>
        </a:p>
      </dgm:t>
    </dgm:pt>
    <dgm:pt modelId="{5420B0B0-42C7-47D0-889E-4B1A2B940212}">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nsure all information provision obligations are complied with</a:t>
          </a:r>
        </a:p>
      </dgm:t>
    </dgm:pt>
    <dgm:pt modelId="{CEA1BAB3-C2A9-465D-9D38-D695A234BE59}" type="parTrans" cxnId="{538EC5F0-9F30-47A2-8954-B6B8E4E0BE1F}">
      <dgm:prSet/>
      <dgm:spPr/>
      <dgm:t>
        <a:bodyPr/>
        <a:lstStyle/>
        <a:p>
          <a:endParaRPr lang="en-GB"/>
        </a:p>
      </dgm:t>
    </dgm:pt>
    <dgm:pt modelId="{898E6C37-CB98-4263-B8CA-5B8E8B0EA0D7}" type="sibTrans" cxnId="{538EC5F0-9F30-47A2-8954-B6B8E4E0BE1F}">
      <dgm:prSet/>
      <dgm:spPr/>
      <dgm:t>
        <a:bodyPr/>
        <a:lstStyle/>
        <a:p>
          <a:endParaRPr lang="en-GB"/>
        </a:p>
      </dgm:t>
    </dgm:pt>
    <dgm:pt modelId="{825530AF-EB52-446E-8A14-013B1EFBE570}">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nsure standstill provisions are complied with</a:t>
          </a:r>
        </a:p>
      </dgm:t>
    </dgm:pt>
    <dgm:pt modelId="{28E6739E-FCE9-49C9-9A4D-57A9D65105E0}" type="parTrans" cxnId="{1CF187BB-50B1-499F-A5E7-A30C2F469A31}">
      <dgm:prSet/>
      <dgm:spPr/>
      <dgm:t>
        <a:bodyPr/>
        <a:lstStyle/>
        <a:p>
          <a:endParaRPr lang="en-GB"/>
        </a:p>
      </dgm:t>
    </dgm:pt>
    <dgm:pt modelId="{A39378D1-8049-4575-B4CB-799BB70C7A21}" type="sibTrans" cxnId="{1CF187BB-50B1-499F-A5E7-A30C2F469A31}">
      <dgm:prSet/>
      <dgm:spPr/>
      <dgm:t>
        <a:bodyPr/>
        <a:lstStyle/>
        <a:p>
          <a:endParaRPr lang="en-GB"/>
        </a:p>
      </dgm:t>
    </dgm:pt>
    <dgm:pt modelId="{89B5E407-1028-40D9-A0A9-5D5877E7BB65}">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stablish direct contact with new service provider over practical arrangements</a:t>
          </a:r>
        </a:p>
      </dgm:t>
    </dgm:pt>
    <dgm:pt modelId="{4D5591AA-A5ED-415F-8AC0-17ED2054F972}" type="parTrans" cxnId="{5183DE83-B8B0-4859-8514-A3E7BCAF31B2}">
      <dgm:prSet/>
      <dgm:spPr/>
      <dgm:t>
        <a:bodyPr/>
        <a:lstStyle/>
        <a:p>
          <a:endParaRPr lang="en-GB"/>
        </a:p>
      </dgm:t>
    </dgm:pt>
    <dgm:pt modelId="{DC151F9E-04B6-4354-A535-F15368DA57CE}" type="sibTrans" cxnId="{5183DE83-B8B0-4859-8514-A3E7BCAF31B2}">
      <dgm:prSet/>
      <dgm:spPr/>
      <dgm:t>
        <a:bodyPr/>
        <a:lstStyle/>
        <a:p>
          <a:endParaRPr lang="en-GB"/>
        </a:p>
      </dgm:t>
    </dgm:pt>
    <dgm:pt modelId="{938FD65B-87E7-4DC6-AF9F-B8BCE909F456}">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Comply with TUPE information and consultation obligations</a:t>
          </a:r>
        </a:p>
      </dgm:t>
    </dgm:pt>
    <dgm:pt modelId="{045418FD-2F2D-46C6-8895-B324DC68B384}" type="parTrans" cxnId="{9074385A-A253-45FE-A183-05A30A0C95EA}">
      <dgm:prSet/>
      <dgm:spPr/>
      <dgm:t>
        <a:bodyPr/>
        <a:lstStyle/>
        <a:p>
          <a:endParaRPr lang="en-GB"/>
        </a:p>
      </dgm:t>
    </dgm:pt>
    <dgm:pt modelId="{0207CB94-F572-4CF3-927F-BD6364860EE4}" type="sibTrans" cxnId="{9074385A-A253-45FE-A183-05A30A0C95EA}">
      <dgm:prSet/>
      <dgm:spPr/>
      <dgm:t>
        <a:bodyPr/>
        <a:lstStyle/>
        <a:p>
          <a:endParaRPr lang="en-GB"/>
        </a:p>
      </dgm:t>
    </dgm:pt>
    <dgm:pt modelId="{26183339-993F-4147-93E3-5653A8D5993D}">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Challenge list of transferring employees if inaccuracies suspected  </a:t>
          </a:r>
        </a:p>
      </dgm:t>
    </dgm:pt>
    <dgm:pt modelId="{A4B201DC-4C14-44F6-9127-9409CEF39548}" type="parTrans" cxnId="{10B5B660-F6BD-400D-950D-517C5F249387}">
      <dgm:prSet/>
      <dgm:spPr/>
      <dgm:t>
        <a:bodyPr/>
        <a:lstStyle/>
        <a:p>
          <a:endParaRPr lang="en-GB"/>
        </a:p>
      </dgm:t>
    </dgm:pt>
    <dgm:pt modelId="{26306BEE-39F5-4C77-A896-D8718054869F}" type="sibTrans" cxnId="{10B5B660-F6BD-400D-950D-517C5F249387}">
      <dgm:prSet/>
      <dgm:spPr/>
      <dgm:t>
        <a:bodyPr/>
        <a:lstStyle/>
        <a:p>
          <a:endParaRPr lang="en-GB"/>
        </a:p>
      </dgm:t>
    </dgm:pt>
    <dgm:pt modelId="{D7444C70-24B6-4CF7-A9A0-1636D25AB2B0}">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Check standstill obligations on outgoing provider are complied with </a:t>
          </a:r>
        </a:p>
      </dgm:t>
    </dgm:pt>
    <dgm:pt modelId="{33D93000-7E0E-4C4F-A6A2-6D3420E9039E}" type="parTrans" cxnId="{7FCDBAEB-172C-4D32-9D26-4F504A89B744}">
      <dgm:prSet/>
      <dgm:spPr/>
      <dgm:t>
        <a:bodyPr/>
        <a:lstStyle/>
        <a:p>
          <a:endParaRPr lang="en-GB"/>
        </a:p>
      </dgm:t>
    </dgm:pt>
    <dgm:pt modelId="{955F79FD-A888-476C-B350-56822551E0CB}" type="sibTrans" cxnId="{7FCDBAEB-172C-4D32-9D26-4F504A89B744}">
      <dgm:prSet/>
      <dgm:spPr/>
      <dgm:t>
        <a:bodyPr/>
        <a:lstStyle/>
        <a:p>
          <a:endParaRPr lang="en-GB"/>
        </a:p>
      </dgm:t>
    </dgm:pt>
    <dgm:pt modelId="{CCB3379C-966E-4ED7-AB07-E2C66F5E2BF4}">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nsure accuracy of list of transferring employees</a:t>
          </a:r>
        </a:p>
      </dgm:t>
    </dgm:pt>
    <dgm:pt modelId="{DBAE82B2-A464-4BF3-A483-33219489A490}" type="parTrans" cxnId="{518C6029-E3F6-4070-AA48-37D84823B8AB}">
      <dgm:prSet/>
      <dgm:spPr/>
      <dgm:t>
        <a:bodyPr/>
        <a:lstStyle/>
        <a:p>
          <a:endParaRPr lang="en-GB"/>
        </a:p>
      </dgm:t>
    </dgm:pt>
    <dgm:pt modelId="{B6E1AA13-678B-4FB9-AD57-F78157886C95}" type="sibTrans" cxnId="{518C6029-E3F6-4070-AA48-37D84823B8AB}">
      <dgm:prSet/>
      <dgm:spPr/>
      <dgm:t>
        <a:bodyPr/>
        <a:lstStyle/>
        <a:p>
          <a:endParaRPr lang="en-GB"/>
        </a:p>
      </dgm:t>
    </dgm:pt>
    <dgm:pt modelId="{A54285DA-E4F6-4778-975A-BB1CCD791DF9}">
      <dgm:prSet phldrT="[Text]" phldr="0" custT="1"/>
      <dgm:spPr/>
      <dgm:t>
        <a:bodyPr/>
        <a:lstStyle/>
        <a:p>
          <a:pPr marL="114300" lvl="1" indent="-114300" algn="l" defTabSz="622300">
            <a:lnSpc>
              <a:spcPct val="90000"/>
            </a:lnSpc>
            <a:spcBef>
              <a:spcPts val="600"/>
            </a:spcBef>
            <a:spcAft>
              <a:spcPct val="15000"/>
            </a:spcAft>
            <a:buChar char="•"/>
          </a:pPr>
          <a:r>
            <a:rPr lang="en-US" sz="1500" kern="1200" dirty="0">
              <a:solidFill>
                <a:prstClr val="black">
                  <a:hueOff val="0"/>
                  <a:satOff val="0"/>
                  <a:lumOff val="0"/>
                  <a:alphaOff val="0"/>
                </a:prstClr>
              </a:solidFill>
              <a:latin typeface="Arial"/>
              <a:ea typeface="ＭＳ Ｐゴシック"/>
              <a:cs typeface="+mn-cs"/>
            </a:rPr>
            <a:t>May want to </a:t>
          </a:r>
          <a:r>
            <a:rPr lang="en-US" sz="1500" kern="1200" dirty="0" err="1">
              <a:solidFill>
                <a:prstClr val="black">
                  <a:hueOff val="0"/>
                  <a:satOff val="0"/>
                  <a:lumOff val="0"/>
                  <a:alphaOff val="0"/>
                </a:prstClr>
              </a:solidFill>
              <a:latin typeface="Arial"/>
              <a:ea typeface="ＭＳ Ｐゴシック"/>
              <a:cs typeface="+mn-cs"/>
            </a:rPr>
            <a:t>organise</a:t>
          </a:r>
          <a:r>
            <a:rPr lang="en-US" sz="1500" kern="1200" dirty="0">
              <a:solidFill>
                <a:prstClr val="black">
                  <a:hueOff val="0"/>
                  <a:satOff val="0"/>
                  <a:lumOff val="0"/>
                  <a:alphaOff val="0"/>
                </a:prstClr>
              </a:solidFill>
              <a:latin typeface="Arial"/>
              <a:ea typeface="ＭＳ Ｐゴシック"/>
              <a:cs typeface="+mn-cs"/>
            </a:rPr>
            <a:t> workforce so employees are assigned and in an </a:t>
          </a:r>
          <a:r>
            <a:rPr lang="en-US" sz="1500" kern="1200" dirty="0" err="1">
              <a:solidFill>
                <a:prstClr val="black">
                  <a:hueOff val="0"/>
                  <a:satOff val="0"/>
                  <a:lumOff val="0"/>
                  <a:alphaOff val="0"/>
                </a:prstClr>
              </a:solidFill>
              <a:latin typeface="Arial"/>
              <a:ea typeface="ＭＳ Ｐゴシック"/>
              <a:cs typeface="+mn-cs"/>
            </a:rPr>
            <a:t>organised</a:t>
          </a:r>
          <a:r>
            <a:rPr lang="en-US" sz="1500" kern="1200" dirty="0">
              <a:solidFill>
                <a:prstClr val="black">
                  <a:hueOff val="0"/>
                  <a:satOff val="0"/>
                  <a:lumOff val="0"/>
                  <a:alphaOff val="0"/>
                </a:prstClr>
              </a:solidFill>
              <a:latin typeface="Arial"/>
              <a:ea typeface="ＭＳ Ｐゴシック"/>
              <a:cs typeface="+mn-cs"/>
            </a:rPr>
            <a:t> grouping</a:t>
          </a:r>
          <a:endParaRPr lang="en-GB" sz="1500" kern="1200" dirty="0">
            <a:solidFill>
              <a:prstClr val="black">
                <a:hueOff val="0"/>
                <a:satOff val="0"/>
                <a:lumOff val="0"/>
                <a:alphaOff val="0"/>
              </a:prstClr>
            </a:solidFill>
            <a:latin typeface="Arial"/>
            <a:ea typeface="ＭＳ Ｐゴシック"/>
            <a:cs typeface="+mn-cs"/>
          </a:endParaRPr>
        </a:p>
      </dgm:t>
    </dgm:pt>
    <dgm:pt modelId="{7EDDBC4E-30B0-431E-B500-DC18D1AF5CE9}" type="parTrans" cxnId="{20473A10-4C65-4463-85BA-D19445C9D617}">
      <dgm:prSet/>
      <dgm:spPr/>
      <dgm:t>
        <a:bodyPr/>
        <a:lstStyle/>
        <a:p>
          <a:endParaRPr lang="en-GB"/>
        </a:p>
      </dgm:t>
    </dgm:pt>
    <dgm:pt modelId="{867DE781-57B2-4057-9E11-4D99DF387020}" type="sibTrans" cxnId="{20473A10-4C65-4463-85BA-D19445C9D617}">
      <dgm:prSet/>
      <dgm:spPr/>
      <dgm:t>
        <a:bodyPr/>
        <a:lstStyle/>
        <a:p>
          <a:endParaRPr lang="en-GB"/>
        </a:p>
      </dgm:t>
    </dgm:pt>
    <dgm:pt modelId="{1BB55518-59B6-4B06-A77F-77B6AD36AB09}">
      <dgm:prSet phldrT="[Text]" phldr="0" custT="1"/>
      <dgm:spPr/>
      <dgm:t>
        <a:bodyPr/>
        <a:lstStyle/>
        <a:p>
          <a:pPr>
            <a:spcBef>
              <a:spcPts val="600"/>
            </a:spcBef>
          </a:pPr>
          <a:r>
            <a:rPr lang="en-GB" sz="1500" dirty="0"/>
            <a:t>Check services agreement with outgoing provider – what have they already agreed to?</a:t>
          </a:r>
        </a:p>
      </dgm:t>
    </dgm:pt>
    <dgm:pt modelId="{5247BA34-E6C7-4429-B3AE-F8E0BD664F1A}" type="parTrans" cxnId="{0229A5C5-9E2E-4E1B-B858-AFB22DF66587}">
      <dgm:prSet/>
      <dgm:spPr/>
      <dgm:t>
        <a:bodyPr/>
        <a:lstStyle/>
        <a:p>
          <a:endParaRPr lang="en-GB"/>
        </a:p>
      </dgm:t>
    </dgm:pt>
    <dgm:pt modelId="{220552BD-0426-483B-BDCB-55BF708387CE}" type="sibTrans" cxnId="{0229A5C5-9E2E-4E1B-B858-AFB22DF66587}">
      <dgm:prSet/>
      <dgm:spPr/>
      <dgm:t>
        <a:bodyPr/>
        <a:lstStyle/>
        <a:p>
          <a:endParaRPr lang="en-GB"/>
        </a:p>
      </dgm:t>
    </dgm:pt>
    <dgm:pt modelId="{6A725BC7-3CAD-4ABB-8116-604825478F3C}">
      <dgm:prSet phldrT="[Text]" phldr="0" custT="1"/>
      <dgm:spPr/>
      <dgm:t>
        <a:bodyPr/>
        <a:lstStyle/>
        <a:p>
          <a:pPr>
            <a:spcBef>
              <a:spcPts val="600"/>
            </a:spcBef>
          </a:pPr>
          <a:r>
            <a:rPr lang="en-GB" sz="1500" dirty="0"/>
            <a:t>May never have employed assigned staff, but may be commercially  liable</a:t>
          </a:r>
        </a:p>
      </dgm:t>
    </dgm:pt>
    <dgm:pt modelId="{403AA8B9-7760-4663-A742-EFE9B4933FDE}" type="parTrans" cxnId="{216C7CB1-2747-488F-9A5D-173FD0269D9E}">
      <dgm:prSet/>
      <dgm:spPr/>
      <dgm:t>
        <a:bodyPr/>
        <a:lstStyle/>
        <a:p>
          <a:endParaRPr lang="en-GB"/>
        </a:p>
      </dgm:t>
    </dgm:pt>
    <dgm:pt modelId="{412B043B-786D-4D58-81C8-FB8F2628F60B}" type="sibTrans" cxnId="{216C7CB1-2747-488F-9A5D-173FD0269D9E}">
      <dgm:prSet/>
      <dgm:spPr/>
      <dgm:t>
        <a:bodyPr/>
        <a:lstStyle/>
        <a:p>
          <a:endParaRPr lang="en-GB"/>
        </a:p>
      </dgm:t>
    </dgm:pt>
    <dgm:pt modelId="{3BFC5E43-E090-4AA3-BBD2-6DE41B4B8821}">
      <dgm:prSet phldrT="[Text]" phldr="0" custT="1"/>
      <dgm:spPr/>
      <dgm:t>
        <a:bodyPr/>
        <a:lstStyle/>
        <a:p>
          <a:pPr>
            <a:spcBef>
              <a:spcPts val="600"/>
            </a:spcBef>
          </a:pPr>
          <a:r>
            <a:rPr lang="en-GB" sz="1500" dirty="0"/>
            <a:t>Negotiate entry and exit provisions with new service provider – ensure back to back indemnities</a:t>
          </a:r>
        </a:p>
      </dgm:t>
    </dgm:pt>
    <dgm:pt modelId="{0D24CAEE-D3A4-45F7-ABFA-DFD2700D5DF4}" type="parTrans" cxnId="{624BBFD8-F435-4237-8ADC-14F860337FC0}">
      <dgm:prSet/>
      <dgm:spPr/>
      <dgm:t>
        <a:bodyPr/>
        <a:lstStyle/>
        <a:p>
          <a:endParaRPr lang="en-GB"/>
        </a:p>
      </dgm:t>
    </dgm:pt>
    <dgm:pt modelId="{AB174444-530F-4D83-9695-AF92F5C78B0F}" type="sibTrans" cxnId="{624BBFD8-F435-4237-8ADC-14F860337FC0}">
      <dgm:prSet/>
      <dgm:spPr/>
      <dgm:t>
        <a:bodyPr/>
        <a:lstStyle/>
        <a:p>
          <a:endParaRPr lang="en-GB"/>
        </a:p>
      </dgm:t>
    </dgm:pt>
    <dgm:pt modelId="{36783A3B-7575-46DC-8D1A-6EA111F02805}">
      <dgm:prSet phldrT="[Text]" phldr="0" custT="1"/>
      <dgm:spPr/>
      <dgm:t>
        <a:bodyPr/>
        <a:lstStyle/>
        <a:p>
          <a:pPr>
            <a:spcBef>
              <a:spcPts val="600"/>
            </a:spcBef>
          </a:pPr>
          <a:r>
            <a:rPr lang="en-GB" sz="1500" dirty="0"/>
            <a:t>May mediate issues between outgoing and new service providers</a:t>
          </a:r>
        </a:p>
      </dgm:t>
    </dgm:pt>
    <dgm:pt modelId="{BFB9D8E7-077E-4DE7-9E95-D73C0A6B2E24}" type="parTrans" cxnId="{4E77E877-0810-4EF8-AC6C-9A1E5F922826}">
      <dgm:prSet/>
      <dgm:spPr/>
      <dgm:t>
        <a:bodyPr/>
        <a:lstStyle/>
        <a:p>
          <a:endParaRPr lang="en-GB"/>
        </a:p>
      </dgm:t>
    </dgm:pt>
    <dgm:pt modelId="{771DEB46-EA25-4B25-A27A-6A23C0CD6675}" type="sibTrans" cxnId="{4E77E877-0810-4EF8-AC6C-9A1E5F922826}">
      <dgm:prSet/>
      <dgm:spPr/>
      <dgm:t>
        <a:bodyPr/>
        <a:lstStyle/>
        <a:p>
          <a:endParaRPr lang="en-GB"/>
        </a:p>
      </dgm:t>
    </dgm:pt>
    <dgm:pt modelId="{216E56B2-3003-4A21-82D5-84A571600B53}">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stablish direct contact with outgoing service provider over practical arrangements</a:t>
          </a:r>
        </a:p>
      </dgm:t>
    </dgm:pt>
    <dgm:pt modelId="{A9544C0A-8CE4-47DC-94EC-E0E1A317E6A2}" type="parTrans" cxnId="{62842741-69BA-4048-A5BF-407ACC70AECA}">
      <dgm:prSet/>
      <dgm:spPr/>
      <dgm:t>
        <a:bodyPr/>
        <a:lstStyle/>
        <a:p>
          <a:endParaRPr lang="en-GB"/>
        </a:p>
      </dgm:t>
    </dgm:pt>
    <dgm:pt modelId="{1980DA15-25FB-429F-A304-324F24C96A04}" type="sibTrans" cxnId="{62842741-69BA-4048-A5BF-407ACC70AECA}">
      <dgm:prSet/>
      <dgm:spPr/>
      <dgm:t>
        <a:bodyPr/>
        <a:lstStyle/>
        <a:p>
          <a:endParaRPr lang="en-GB"/>
        </a:p>
      </dgm:t>
    </dgm:pt>
    <dgm:pt modelId="{30C4184E-5344-494E-8724-269CD17D1E14}">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Negotiate commercial protections and exit provisions for future clarity</a:t>
          </a:r>
        </a:p>
      </dgm:t>
    </dgm:pt>
    <dgm:pt modelId="{87B15313-4CCA-417C-82F5-0114EB2A2498}" type="parTrans" cxnId="{D640FF64-6F5D-49CA-BAD3-2527136C841E}">
      <dgm:prSet/>
      <dgm:spPr/>
      <dgm:t>
        <a:bodyPr/>
        <a:lstStyle/>
        <a:p>
          <a:endParaRPr lang="en-GB"/>
        </a:p>
      </dgm:t>
    </dgm:pt>
    <dgm:pt modelId="{C5D0E3CD-7888-494F-85D1-38F526E11769}" type="sibTrans" cxnId="{D640FF64-6F5D-49CA-BAD3-2527136C841E}">
      <dgm:prSet/>
      <dgm:spPr/>
      <dgm:t>
        <a:bodyPr/>
        <a:lstStyle/>
        <a:p>
          <a:endParaRPr lang="en-GB"/>
        </a:p>
      </dgm:t>
    </dgm:pt>
    <dgm:pt modelId="{D8AF6083-5415-417C-AE52-AC9D205D3DA9}">
      <dgm:prSet phldrT="[Text]" phldr="0" custT="1"/>
      <dgm:spPr/>
      <dgm: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Communicate with outgoing provider over any measures which will affect transferring employees’ employment</a:t>
          </a:r>
        </a:p>
      </dgm:t>
    </dgm:pt>
    <dgm:pt modelId="{46318ECD-FB48-4862-9B76-308D82EA3C1C}" type="parTrans" cxnId="{B0F5128C-6B93-44BB-A1C7-4462BDCA0B5E}">
      <dgm:prSet/>
      <dgm:spPr/>
      <dgm:t>
        <a:bodyPr/>
        <a:lstStyle/>
        <a:p>
          <a:endParaRPr lang="en-GB"/>
        </a:p>
      </dgm:t>
    </dgm:pt>
    <dgm:pt modelId="{014502B8-E57C-4170-A022-46A95B1DA4EA}" type="sibTrans" cxnId="{B0F5128C-6B93-44BB-A1C7-4462BDCA0B5E}">
      <dgm:prSet/>
      <dgm:spPr/>
      <dgm:t>
        <a:bodyPr/>
        <a:lstStyle/>
        <a:p>
          <a:endParaRPr lang="en-GB"/>
        </a:p>
      </dgm:t>
    </dgm:pt>
    <dgm:pt modelId="{D162ADB7-4F49-48CD-98F8-E1ABD66AE302}" type="pres">
      <dgm:prSet presAssocID="{586D34D3-A487-4F99-9579-65D906ABBE50}" presName="diagram" presStyleCnt="0">
        <dgm:presLayoutVars>
          <dgm:dir/>
          <dgm:animLvl val="lvl"/>
          <dgm:resizeHandles val="exact"/>
        </dgm:presLayoutVars>
      </dgm:prSet>
      <dgm:spPr/>
    </dgm:pt>
    <dgm:pt modelId="{9CD1CD9E-9CAA-4010-82E1-5FB66185D276}" type="pres">
      <dgm:prSet presAssocID="{4E2BDEB0-675A-48BD-AAE7-00F33A9BD3A9}" presName="compNode" presStyleCnt="0"/>
      <dgm:spPr/>
    </dgm:pt>
    <dgm:pt modelId="{2A91DAAC-3A77-4A72-846C-D3C5125B2C2A}" type="pres">
      <dgm:prSet presAssocID="{4E2BDEB0-675A-48BD-AAE7-00F33A9BD3A9}" presName="childRect" presStyleLbl="bgAcc1" presStyleIdx="0" presStyleCnt="3" custScaleY="155020" custLinFactNeighborX="287" custLinFactNeighborY="-20825">
        <dgm:presLayoutVars>
          <dgm:bulletEnabled val="1"/>
        </dgm:presLayoutVars>
      </dgm:prSet>
      <dgm:spPr/>
    </dgm:pt>
    <dgm:pt modelId="{CC7C3D47-2F6E-4B9D-B22D-7ADC4A430561}" type="pres">
      <dgm:prSet presAssocID="{4E2BDEB0-675A-48BD-AAE7-00F33A9BD3A9}" presName="parentText" presStyleLbl="node1" presStyleIdx="0" presStyleCnt="0">
        <dgm:presLayoutVars>
          <dgm:chMax val="0"/>
          <dgm:bulletEnabled val="1"/>
        </dgm:presLayoutVars>
      </dgm:prSet>
      <dgm:spPr/>
    </dgm:pt>
    <dgm:pt modelId="{4CB19A4F-FF3D-4FDC-82D5-314DF714EC95}" type="pres">
      <dgm:prSet presAssocID="{4E2BDEB0-675A-48BD-AAE7-00F33A9BD3A9}" presName="parentRect" presStyleLbl="alignNode1" presStyleIdx="0" presStyleCnt="3" custLinFactNeighborX="-232" custLinFactNeighborY="31252"/>
      <dgm:spPr/>
    </dgm:pt>
    <dgm:pt modelId="{906D33C3-22F5-4B46-A945-07B777E74F16}" type="pres">
      <dgm:prSet presAssocID="{4E2BDEB0-675A-48BD-AAE7-00F33A9BD3A9}" presName="adorn" presStyleLbl="fgAccFollowNode1" presStyleIdx="0" presStyleCnt="3" custLinFactNeighborX="-1509" custLinFactNeighborY="6551"/>
      <dgm:spPr>
        <a:blipFill>
          <a:blip xmlns:r="http://schemas.openxmlformats.org/officeDocument/2006/relationships" r:embed="rId1"/>
          <a:srcRect/>
          <a:stretch>
            <a:fillRect l="-25000" r="-25000"/>
          </a:stretch>
        </a:blipFill>
      </dgm:spPr>
    </dgm:pt>
    <dgm:pt modelId="{FFA3E938-EF63-430F-8BFC-E9C4AC3EB5F2}" type="pres">
      <dgm:prSet presAssocID="{CEFBEEF1-48A7-47EB-958D-E0E5097F1675}" presName="sibTrans" presStyleLbl="sibTrans2D1" presStyleIdx="0" presStyleCnt="0"/>
      <dgm:spPr/>
    </dgm:pt>
    <dgm:pt modelId="{AC482125-FA40-4A31-B7A2-0B2F6E192DFC}" type="pres">
      <dgm:prSet presAssocID="{3F52DAD3-F23F-4093-B5FF-4250463429EB}" presName="compNode" presStyleCnt="0"/>
      <dgm:spPr/>
    </dgm:pt>
    <dgm:pt modelId="{138171F9-104B-434F-9DB5-2139B1087A97}" type="pres">
      <dgm:prSet presAssocID="{3F52DAD3-F23F-4093-B5FF-4250463429EB}" presName="childRect" presStyleLbl="bgAcc1" presStyleIdx="1" presStyleCnt="3" custScaleY="160782" custLinFactNeighborX="1985" custLinFactNeighborY="-22260">
        <dgm:presLayoutVars>
          <dgm:bulletEnabled val="1"/>
        </dgm:presLayoutVars>
      </dgm:prSet>
      <dgm:spPr/>
    </dgm:pt>
    <dgm:pt modelId="{8F5A2E21-EC08-4420-AA11-6EE2A091D1ED}" type="pres">
      <dgm:prSet presAssocID="{3F52DAD3-F23F-4093-B5FF-4250463429EB}" presName="parentText" presStyleLbl="node1" presStyleIdx="0" presStyleCnt="0">
        <dgm:presLayoutVars>
          <dgm:chMax val="0"/>
          <dgm:bulletEnabled val="1"/>
        </dgm:presLayoutVars>
      </dgm:prSet>
      <dgm:spPr/>
    </dgm:pt>
    <dgm:pt modelId="{6B72082A-2D3B-411C-A023-723F822CA728}" type="pres">
      <dgm:prSet presAssocID="{3F52DAD3-F23F-4093-B5FF-4250463429EB}" presName="parentRect" presStyleLbl="alignNode1" presStyleIdx="1" presStyleCnt="3" custLinFactNeighborX="1985" custLinFactNeighborY="33420"/>
      <dgm:spPr/>
    </dgm:pt>
    <dgm:pt modelId="{000A016A-D2A5-40A9-B1C4-D49AE9120AFE}" type="pres">
      <dgm:prSet presAssocID="{3F52DAD3-F23F-4093-B5FF-4250463429EB}" presName="adorn" presStyleLbl="fgAccFollowNode1" presStyleIdx="1" presStyleCnt="3" custLinFactNeighborX="869" custLinFactNeighborY="7659"/>
      <dgm:spPr>
        <a:blipFill rotWithShape="1">
          <a:blip xmlns:r="http://schemas.openxmlformats.org/officeDocument/2006/relationships" r:embed="rId1"/>
          <a:srcRect/>
          <a:stretch>
            <a:fillRect l="-25000" r="-25000"/>
          </a:stretch>
        </a:blipFill>
      </dgm:spPr>
    </dgm:pt>
    <dgm:pt modelId="{3ADB277D-F997-45AA-B22F-636F4C68072C}" type="pres">
      <dgm:prSet presAssocID="{7EB7ED38-36D5-4025-ADC4-80897ED8E790}" presName="sibTrans" presStyleLbl="sibTrans2D1" presStyleIdx="0" presStyleCnt="0"/>
      <dgm:spPr/>
    </dgm:pt>
    <dgm:pt modelId="{D0F18836-FF24-4D1B-9A08-351A8BF002BF}" type="pres">
      <dgm:prSet presAssocID="{92E1A7A3-6124-4152-9613-840AD648AB41}" presName="compNode" presStyleCnt="0"/>
      <dgm:spPr/>
    </dgm:pt>
    <dgm:pt modelId="{628DBDCF-1A6D-46A3-AF6D-6B5156CF8743}" type="pres">
      <dgm:prSet presAssocID="{92E1A7A3-6124-4152-9613-840AD648AB41}" presName="childRect" presStyleLbl="bgAcc1" presStyleIdx="2" presStyleCnt="3" custScaleY="156285" custLinFactNeighborX="-708" custLinFactNeighborY="-22575">
        <dgm:presLayoutVars>
          <dgm:bulletEnabled val="1"/>
        </dgm:presLayoutVars>
      </dgm:prSet>
      <dgm:spPr/>
    </dgm:pt>
    <dgm:pt modelId="{3CDC7984-E631-44C8-A520-311013D7ED29}" type="pres">
      <dgm:prSet presAssocID="{92E1A7A3-6124-4152-9613-840AD648AB41}" presName="parentText" presStyleLbl="node1" presStyleIdx="0" presStyleCnt="0">
        <dgm:presLayoutVars>
          <dgm:chMax val="0"/>
          <dgm:bulletEnabled val="1"/>
        </dgm:presLayoutVars>
      </dgm:prSet>
      <dgm:spPr/>
    </dgm:pt>
    <dgm:pt modelId="{F7276558-5C87-47C1-B20C-8489C7287727}" type="pres">
      <dgm:prSet presAssocID="{92E1A7A3-6124-4152-9613-840AD648AB41}" presName="parentRect" presStyleLbl="alignNode1" presStyleIdx="2" presStyleCnt="3" custLinFactNeighborX="-708" custLinFactNeighborY="36633"/>
      <dgm:spPr/>
    </dgm:pt>
    <dgm:pt modelId="{9CA959A9-06AF-4E50-95F4-1F9B6C8EC925}" type="pres">
      <dgm:prSet presAssocID="{92E1A7A3-6124-4152-9613-840AD648AB41}" presName="adorn" presStyleLbl="fgAccFollowNode1" presStyleIdx="2" presStyleCnt="3" custLinFactNeighborX="3247" custLinFactNeighborY="8527"/>
      <dgm:spPr>
        <a:blipFill rotWithShape="1">
          <a:blip xmlns:r="http://schemas.openxmlformats.org/officeDocument/2006/relationships" r:embed="rId1"/>
          <a:srcRect/>
          <a:stretch>
            <a:fillRect l="-25000" r="-25000"/>
          </a:stretch>
        </a:blipFill>
      </dgm:spPr>
    </dgm:pt>
  </dgm:ptLst>
  <dgm:cxnLst>
    <dgm:cxn modelId="{13CCFC00-AFC0-40BC-A140-95E46500424C}" type="presOf" srcId="{89B5E407-1028-40D9-A0A9-5D5877E7BB65}" destId="{138171F9-104B-434F-9DB5-2139B1087A97}" srcOrd="0" destOrd="6" presId="urn:microsoft.com/office/officeart/2005/8/layout/bList2"/>
    <dgm:cxn modelId="{7ACA550A-78FC-4AC1-BF72-E2BA7D4442F5}" srcId="{4E2BDEB0-675A-48BD-AAE7-00F33A9BD3A9}" destId="{AE79637D-41AB-4460-9A8D-650963365391}" srcOrd="0" destOrd="0" parTransId="{4C7BE156-5897-42EF-BF65-D351E922A03F}" sibTransId="{AE7AE59F-CA1D-4FF9-AD56-011400D2947D}"/>
    <dgm:cxn modelId="{08B0910D-2CCD-47FD-8AC1-7B52D9EFC798}" type="presOf" srcId="{92E1A7A3-6124-4152-9613-840AD648AB41}" destId="{F7276558-5C87-47C1-B20C-8489C7287727}" srcOrd="1" destOrd="0" presId="urn:microsoft.com/office/officeart/2005/8/layout/bList2"/>
    <dgm:cxn modelId="{20473A10-4C65-4463-85BA-D19445C9D617}" srcId="{3F52DAD3-F23F-4093-B5FF-4250463429EB}" destId="{A54285DA-E4F6-4778-975A-BB1CCD791DF9}" srcOrd="1" destOrd="0" parTransId="{7EDDBC4E-30B0-431E-B500-DC18D1AF5CE9}" sibTransId="{867DE781-57B2-4057-9E11-4D99DF387020}"/>
    <dgm:cxn modelId="{DB604D1B-98F2-4377-9DD9-A9B1BF05802F}" srcId="{586D34D3-A487-4F99-9579-65D906ABBE50}" destId="{92E1A7A3-6124-4152-9613-840AD648AB41}" srcOrd="2" destOrd="0" parTransId="{6AABBA00-9F26-40DE-971F-E4CEAD6FE14D}" sibTransId="{FE2EC987-55E9-4E28-863E-96F94DE6D7FD}"/>
    <dgm:cxn modelId="{D121C31E-2796-4740-A8AD-843E95D288AF}" type="presOf" srcId="{26183339-993F-4147-93E3-5653A8D5993D}" destId="{628DBDCF-1A6D-46A3-AF6D-6B5156CF8743}" srcOrd="0" destOrd="1" presId="urn:microsoft.com/office/officeart/2005/8/layout/bList2"/>
    <dgm:cxn modelId="{47515B22-A249-444A-A4DA-300BFFE934AD}" type="presOf" srcId="{A54285DA-E4F6-4778-975A-BB1CCD791DF9}" destId="{138171F9-104B-434F-9DB5-2139B1087A97}" srcOrd="0" destOrd="1" presId="urn:microsoft.com/office/officeart/2005/8/layout/bList2"/>
    <dgm:cxn modelId="{518C6029-E3F6-4070-AA48-37D84823B8AB}" srcId="{3F52DAD3-F23F-4093-B5FF-4250463429EB}" destId="{CCB3379C-966E-4ED7-AB07-E2C66F5E2BF4}" srcOrd="2" destOrd="0" parTransId="{DBAE82B2-A464-4BF3-A483-33219489A490}" sibTransId="{B6E1AA13-678B-4FB9-AD57-F78157886C95}"/>
    <dgm:cxn modelId="{0972742D-9E07-4AFF-B368-F47D7A38F6F2}" type="presOf" srcId="{4E2BDEB0-675A-48BD-AAE7-00F33A9BD3A9}" destId="{4CB19A4F-FF3D-4FDC-82D5-314DF714EC95}" srcOrd="1" destOrd="0" presId="urn:microsoft.com/office/officeart/2005/8/layout/bList2"/>
    <dgm:cxn modelId="{5B99132F-288B-48B1-8947-99ED5BEDCD9A}" type="presOf" srcId="{36783A3B-7575-46DC-8D1A-6EA111F02805}" destId="{2A91DAAC-3A77-4A72-846C-D3C5125B2C2A}" srcOrd="0" destOrd="2" presId="urn:microsoft.com/office/officeart/2005/8/layout/bList2"/>
    <dgm:cxn modelId="{C0B88831-C3C9-4598-888E-DE38EEA11CAA}" type="presOf" srcId="{D8AF6083-5415-417C-AE52-AC9D205D3DA9}" destId="{628DBDCF-1A6D-46A3-AF6D-6B5156CF8743}" srcOrd="0" destOrd="4" presId="urn:microsoft.com/office/officeart/2005/8/layout/bList2"/>
    <dgm:cxn modelId="{10B5B660-F6BD-400D-950D-517C5F249387}" srcId="{92E1A7A3-6124-4152-9613-840AD648AB41}" destId="{26183339-993F-4147-93E3-5653A8D5993D}" srcOrd="1" destOrd="0" parTransId="{A4B201DC-4C14-44F6-9127-9409CEF39548}" sibTransId="{26306BEE-39F5-4C77-A896-D8718054869F}"/>
    <dgm:cxn modelId="{62842741-69BA-4048-A5BF-407ACC70AECA}" srcId="{92E1A7A3-6124-4152-9613-840AD648AB41}" destId="{216E56B2-3003-4A21-82D5-84A571600B53}" srcOrd="3" destOrd="0" parTransId="{A9544C0A-8CE4-47DC-94EC-E0E1A317E6A2}" sibTransId="{1980DA15-25FB-429F-A304-324F24C96A04}"/>
    <dgm:cxn modelId="{2D91B264-9F42-4AD8-9DDA-796028A19C90}" type="presOf" srcId="{AE79637D-41AB-4460-9A8D-650963365391}" destId="{2A91DAAC-3A77-4A72-846C-D3C5125B2C2A}" srcOrd="0" destOrd="0" presId="urn:microsoft.com/office/officeart/2005/8/layout/bList2"/>
    <dgm:cxn modelId="{D640FF64-6F5D-49CA-BAD3-2527136C841E}" srcId="{92E1A7A3-6124-4152-9613-840AD648AB41}" destId="{30C4184E-5344-494E-8724-269CD17D1E14}" srcOrd="5" destOrd="0" parTransId="{87B15313-4CCA-417C-82F5-0114EB2A2498}" sibTransId="{C5D0E3CD-7888-494F-85D1-38F526E11769}"/>
    <dgm:cxn modelId="{A86FC469-D3C1-4DA5-A0ED-81541E306FCA}" type="presOf" srcId="{3F52DAD3-F23F-4093-B5FF-4250463429EB}" destId="{6B72082A-2D3B-411C-A023-723F822CA728}" srcOrd="1" destOrd="0" presId="urn:microsoft.com/office/officeart/2005/8/layout/bList2"/>
    <dgm:cxn modelId="{040D504D-7122-4587-AC90-F7F0C8841F14}" type="presOf" srcId="{F3059F60-65FF-441E-BA77-FC674396B8FC}" destId="{628DBDCF-1A6D-46A3-AF6D-6B5156CF8743}" srcOrd="0" destOrd="0" presId="urn:microsoft.com/office/officeart/2005/8/layout/bList2"/>
    <dgm:cxn modelId="{E3F1526D-79CB-43B8-B6B6-37D65C5360D9}" type="presOf" srcId="{7EB7ED38-36D5-4025-ADC4-80897ED8E790}" destId="{3ADB277D-F997-45AA-B22F-636F4C68072C}" srcOrd="0" destOrd="0" presId="urn:microsoft.com/office/officeart/2005/8/layout/bList2"/>
    <dgm:cxn modelId="{521DD56E-ADAA-4249-8511-E519D0E53CBC}" srcId="{3F52DAD3-F23F-4093-B5FF-4250463429EB}" destId="{0B939814-4E37-4D5A-AB6D-44462DEB7ACD}" srcOrd="0" destOrd="0" parTransId="{E6BD1580-64E6-427B-84D2-32D8A12947FC}" sibTransId="{570BC168-8A5A-4312-9269-17375ADB1024}"/>
    <dgm:cxn modelId="{E420644F-7DD1-4741-8F19-7893101D3F56}" type="presOf" srcId="{5420B0B0-42C7-47D0-889E-4B1A2B940212}" destId="{138171F9-104B-434F-9DB5-2139B1087A97}" srcOrd="0" destOrd="3" presId="urn:microsoft.com/office/officeart/2005/8/layout/bList2"/>
    <dgm:cxn modelId="{755F9252-98E6-4111-9F71-618A0D57AEE3}" type="presOf" srcId="{825530AF-EB52-446E-8A14-013B1EFBE570}" destId="{138171F9-104B-434F-9DB5-2139B1087A97}" srcOrd="0" destOrd="4" presId="urn:microsoft.com/office/officeart/2005/8/layout/bList2"/>
    <dgm:cxn modelId="{FD9E7F77-647A-46F2-BB41-62704E3C9CCB}" type="presOf" srcId="{D7444C70-24B6-4CF7-A9A0-1636D25AB2B0}" destId="{628DBDCF-1A6D-46A3-AF6D-6B5156CF8743}" srcOrd="0" destOrd="2" presId="urn:microsoft.com/office/officeart/2005/8/layout/bList2"/>
    <dgm:cxn modelId="{4E77E877-0810-4EF8-AC6C-9A1E5F922826}" srcId="{4E2BDEB0-675A-48BD-AAE7-00F33A9BD3A9}" destId="{36783A3B-7575-46DC-8D1A-6EA111F02805}" srcOrd="2" destOrd="0" parTransId="{BFB9D8E7-077E-4DE7-9E95-D73C0A6B2E24}" sibTransId="{771DEB46-EA25-4B25-A27A-6A23C0CD6675}"/>
    <dgm:cxn modelId="{9074385A-A253-45FE-A183-05A30A0C95EA}" srcId="{3F52DAD3-F23F-4093-B5FF-4250463429EB}" destId="{938FD65B-87E7-4DC6-AF9F-B8BCE909F456}" srcOrd="5" destOrd="0" parTransId="{045418FD-2F2D-46C6-8895-B324DC68B384}" sibTransId="{0207CB94-F572-4CF3-927F-BD6364860EE4}"/>
    <dgm:cxn modelId="{5183DE83-B8B0-4859-8514-A3E7BCAF31B2}" srcId="{3F52DAD3-F23F-4093-B5FF-4250463429EB}" destId="{89B5E407-1028-40D9-A0A9-5D5877E7BB65}" srcOrd="6" destOrd="0" parTransId="{4D5591AA-A5ED-415F-8AC0-17ED2054F972}" sibTransId="{DC151F9E-04B6-4354-A535-F15368DA57CE}"/>
    <dgm:cxn modelId="{37D0F185-6391-40E4-8DDE-A53ABEC3F30C}" type="presOf" srcId="{586D34D3-A487-4F99-9579-65D906ABBE50}" destId="{D162ADB7-4F49-48CD-98F8-E1ABD66AE302}" srcOrd="0" destOrd="0" presId="urn:microsoft.com/office/officeart/2005/8/layout/bList2"/>
    <dgm:cxn modelId="{B0F5128C-6B93-44BB-A1C7-4462BDCA0B5E}" srcId="{92E1A7A3-6124-4152-9613-840AD648AB41}" destId="{D8AF6083-5415-417C-AE52-AC9D205D3DA9}" srcOrd="4" destOrd="0" parTransId="{46318ECD-FB48-4862-9B76-308D82EA3C1C}" sibTransId="{014502B8-E57C-4170-A022-46A95B1DA4EA}"/>
    <dgm:cxn modelId="{4732CC95-FA4E-4026-8E42-16C91FC52802}" type="presOf" srcId="{0B939814-4E37-4D5A-AB6D-44462DEB7ACD}" destId="{138171F9-104B-434F-9DB5-2139B1087A97}" srcOrd="0" destOrd="0" presId="urn:microsoft.com/office/officeart/2005/8/layout/bList2"/>
    <dgm:cxn modelId="{FE8286A0-BAD5-45D0-907F-9E894CACC23A}" type="presOf" srcId="{938FD65B-87E7-4DC6-AF9F-B8BCE909F456}" destId="{138171F9-104B-434F-9DB5-2139B1087A97}" srcOrd="0" destOrd="5" presId="urn:microsoft.com/office/officeart/2005/8/layout/bList2"/>
    <dgm:cxn modelId="{FE76E6A0-B631-42D9-99F2-D4EE59F842DA}" type="presOf" srcId="{1BB55518-59B6-4B06-A77F-77B6AD36AB09}" destId="{2A91DAAC-3A77-4A72-846C-D3C5125B2C2A}" srcOrd="0" destOrd="4" presId="urn:microsoft.com/office/officeart/2005/8/layout/bList2"/>
    <dgm:cxn modelId="{2E0B25A2-6E95-40C6-BA2A-573119817315}" type="presOf" srcId="{92E1A7A3-6124-4152-9613-840AD648AB41}" destId="{3CDC7984-E631-44C8-A520-311013D7ED29}" srcOrd="0" destOrd="0" presId="urn:microsoft.com/office/officeart/2005/8/layout/bList2"/>
    <dgm:cxn modelId="{74BD4BA2-6A6B-4CC2-B472-9CE55BD87223}" srcId="{586D34D3-A487-4F99-9579-65D906ABBE50}" destId="{4E2BDEB0-675A-48BD-AAE7-00F33A9BD3A9}" srcOrd="0" destOrd="0" parTransId="{A713D44C-2446-4B5C-B63F-7A6F93EAF881}" sibTransId="{CEFBEEF1-48A7-47EB-958D-E0E5097F1675}"/>
    <dgm:cxn modelId="{AEDC8BA3-8130-48D4-8102-B9612A924C2C}" srcId="{586D34D3-A487-4F99-9579-65D906ABBE50}" destId="{3F52DAD3-F23F-4093-B5FF-4250463429EB}" srcOrd="1" destOrd="0" parTransId="{905C9211-2D63-4F52-B11C-2D0CB81CE317}" sibTransId="{7EB7ED38-36D5-4025-ADC4-80897ED8E790}"/>
    <dgm:cxn modelId="{17732CA6-3DA8-4A57-A968-90265813BE98}" type="presOf" srcId="{83D888D8-4F06-4D6C-BE4D-B5FD1586A267}" destId="{2A91DAAC-3A77-4A72-846C-D3C5125B2C2A}" srcOrd="0" destOrd="1" presId="urn:microsoft.com/office/officeart/2005/8/layout/bList2"/>
    <dgm:cxn modelId="{A65888AD-15DA-482E-8664-A8D4A19A4352}" type="presOf" srcId="{CCB3379C-966E-4ED7-AB07-E2C66F5E2BF4}" destId="{138171F9-104B-434F-9DB5-2139B1087A97}" srcOrd="0" destOrd="2" presId="urn:microsoft.com/office/officeart/2005/8/layout/bList2"/>
    <dgm:cxn modelId="{216C7CB1-2747-488F-9A5D-173FD0269D9E}" srcId="{4E2BDEB0-675A-48BD-AAE7-00F33A9BD3A9}" destId="{6A725BC7-3CAD-4ABB-8116-604825478F3C}" srcOrd="3" destOrd="0" parTransId="{403AA8B9-7760-4663-A742-EFE9B4933FDE}" sibTransId="{412B043B-786D-4D58-81C8-FB8F2628F60B}"/>
    <dgm:cxn modelId="{A7E9B1B5-A98E-446A-9851-B0397658B705}" type="presOf" srcId="{6A725BC7-3CAD-4ABB-8116-604825478F3C}" destId="{2A91DAAC-3A77-4A72-846C-D3C5125B2C2A}" srcOrd="0" destOrd="3" presId="urn:microsoft.com/office/officeart/2005/8/layout/bList2"/>
    <dgm:cxn modelId="{1CF187BB-50B1-499F-A5E7-A30C2F469A31}" srcId="{3F52DAD3-F23F-4093-B5FF-4250463429EB}" destId="{825530AF-EB52-446E-8A14-013B1EFBE570}" srcOrd="4" destOrd="0" parTransId="{28E6739E-FCE9-49C9-9A4D-57A9D65105E0}" sibTransId="{A39378D1-8049-4575-B4CB-799BB70C7A21}"/>
    <dgm:cxn modelId="{A4D200BD-F7F9-4361-9D89-ACBDB8503DD0}" type="presOf" srcId="{3F52DAD3-F23F-4093-B5FF-4250463429EB}" destId="{8F5A2E21-EC08-4420-AA11-6EE2A091D1ED}" srcOrd="0" destOrd="0" presId="urn:microsoft.com/office/officeart/2005/8/layout/bList2"/>
    <dgm:cxn modelId="{0229A5C5-9E2E-4E1B-B858-AFB22DF66587}" srcId="{4E2BDEB0-675A-48BD-AAE7-00F33A9BD3A9}" destId="{1BB55518-59B6-4B06-A77F-77B6AD36AB09}" srcOrd="4" destOrd="0" parTransId="{5247BA34-E6C7-4429-B3AE-F8E0BD664F1A}" sibTransId="{220552BD-0426-483B-BDCB-55BF708387CE}"/>
    <dgm:cxn modelId="{829CE1CA-60E3-41C5-94A1-17D3182E71B2}" srcId="{4E2BDEB0-675A-48BD-AAE7-00F33A9BD3A9}" destId="{83D888D8-4F06-4D6C-BE4D-B5FD1586A267}" srcOrd="1" destOrd="0" parTransId="{53FA50FA-D2CD-4E64-9837-16882FA6C131}" sibTransId="{5E75F8F0-FB21-4715-BA4A-EACA1FE9C2C0}"/>
    <dgm:cxn modelId="{914580D3-DD22-415F-B426-0FB86B5CB0D6}" type="presOf" srcId="{4E2BDEB0-675A-48BD-AAE7-00F33A9BD3A9}" destId="{CC7C3D47-2F6E-4B9D-B22D-7ADC4A430561}" srcOrd="0" destOrd="0" presId="urn:microsoft.com/office/officeart/2005/8/layout/bList2"/>
    <dgm:cxn modelId="{624BBFD8-F435-4237-8ADC-14F860337FC0}" srcId="{4E2BDEB0-675A-48BD-AAE7-00F33A9BD3A9}" destId="{3BFC5E43-E090-4AA3-BBD2-6DE41B4B8821}" srcOrd="5" destOrd="0" parTransId="{0D24CAEE-D3A4-45F7-ABFA-DFD2700D5DF4}" sibTransId="{AB174444-530F-4D83-9695-AF92F5C78B0F}"/>
    <dgm:cxn modelId="{3EE0EFE0-37EC-4534-9929-838013ED7EB9}" srcId="{92E1A7A3-6124-4152-9613-840AD648AB41}" destId="{F3059F60-65FF-441E-BA77-FC674396B8FC}" srcOrd="0" destOrd="0" parTransId="{B1FDD23B-73AD-4A72-984F-7D7D9F08A56C}" sibTransId="{250E8D74-00B8-4DB9-8913-475F41ED380A}"/>
    <dgm:cxn modelId="{756D91E4-4D8E-4AD2-9F8E-E46CCF836764}" type="presOf" srcId="{30C4184E-5344-494E-8724-269CD17D1E14}" destId="{628DBDCF-1A6D-46A3-AF6D-6B5156CF8743}" srcOrd="0" destOrd="5" presId="urn:microsoft.com/office/officeart/2005/8/layout/bList2"/>
    <dgm:cxn modelId="{D70926EA-D858-45E8-8D15-5FD0B1ABACF4}" type="presOf" srcId="{CEFBEEF1-48A7-47EB-958D-E0E5097F1675}" destId="{FFA3E938-EF63-430F-8BFC-E9C4AC3EB5F2}" srcOrd="0" destOrd="0" presId="urn:microsoft.com/office/officeart/2005/8/layout/bList2"/>
    <dgm:cxn modelId="{7FCDBAEB-172C-4D32-9D26-4F504A89B744}" srcId="{92E1A7A3-6124-4152-9613-840AD648AB41}" destId="{D7444C70-24B6-4CF7-A9A0-1636D25AB2B0}" srcOrd="2" destOrd="0" parTransId="{33D93000-7E0E-4C4F-A6A2-6D3420E9039E}" sibTransId="{955F79FD-A888-476C-B350-56822551E0CB}"/>
    <dgm:cxn modelId="{538EC5F0-9F30-47A2-8954-B6B8E4E0BE1F}" srcId="{3F52DAD3-F23F-4093-B5FF-4250463429EB}" destId="{5420B0B0-42C7-47D0-889E-4B1A2B940212}" srcOrd="3" destOrd="0" parTransId="{CEA1BAB3-C2A9-465D-9D38-D695A234BE59}" sibTransId="{898E6C37-CB98-4263-B8CA-5B8E8B0EA0D7}"/>
    <dgm:cxn modelId="{9FAA59F6-4415-4577-929C-44FE31B0C2C9}" type="presOf" srcId="{3BFC5E43-E090-4AA3-BBD2-6DE41B4B8821}" destId="{2A91DAAC-3A77-4A72-846C-D3C5125B2C2A}" srcOrd="0" destOrd="5" presId="urn:microsoft.com/office/officeart/2005/8/layout/bList2"/>
    <dgm:cxn modelId="{F55FBFF8-131C-4E32-9167-F76B11EBD5FD}" type="presOf" srcId="{216E56B2-3003-4A21-82D5-84A571600B53}" destId="{628DBDCF-1A6D-46A3-AF6D-6B5156CF8743}" srcOrd="0" destOrd="3" presId="urn:microsoft.com/office/officeart/2005/8/layout/bList2"/>
    <dgm:cxn modelId="{C0DBEF0D-D9D6-43CA-BFE3-2EE2B5983A92}" type="presParOf" srcId="{D162ADB7-4F49-48CD-98F8-E1ABD66AE302}" destId="{9CD1CD9E-9CAA-4010-82E1-5FB66185D276}" srcOrd="0" destOrd="0" presId="urn:microsoft.com/office/officeart/2005/8/layout/bList2"/>
    <dgm:cxn modelId="{846F2B1E-7B35-4FAE-AE07-012225C660BB}" type="presParOf" srcId="{9CD1CD9E-9CAA-4010-82E1-5FB66185D276}" destId="{2A91DAAC-3A77-4A72-846C-D3C5125B2C2A}" srcOrd="0" destOrd="0" presId="urn:microsoft.com/office/officeart/2005/8/layout/bList2"/>
    <dgm:cxn modelId="{C0EA9ECB-1351-4374-A9B8-3063357C12A4}" type="presParOf" srcId="{9CD1CD9E-9CAA-4010-82E1-5FB66185D276}" destId="{CC7C3D47-2F6E-4B9D-B22D-7ADC4A430561}" srcOrd="1" destOrd="0" presId="urn:microsoft.com/office/officeart/2005/8/layout/bList2"/>
    <dgm:cxn modelId="{13B97391-8CD9-42B5-B920-CA7450CA6603}" type="presParOf" srcId="{9CD1CD9E-9CAA-4010-82E1-5FB66185D276}" destId="{4CB19A4F-FF3D-4FDC-82D5-314DF714EC95}" srcOrd="2" destOrd="0" presId="urn:microsoft.com/office/officeart/2005/8/layout/bList2"/>
    <dgm:cxn modelId="{3DE0B9BD-0111-4C10-868C-F20165DE0D71}" type="presParOf" srcId="{9CD1CD9E-9CAA-4010-82E1-5FB66185D276}" destId="{906D33C3-22F5-4B46-A945-07B777E74F16}" srcOrd="3" destOrd="0" presId="urn:microsoft.com/office/officeart/2005/8/layout/bList2"/>
    <dgm:cxn modelId="{DFCB19D8-AB72-4A7D-A744-3BCCE17600BB}" type="presParOf" srcId="{D162ADB7-4F49-48CD-98F8-E1ABD66AE302}" destId="{FFA3E938-EF63-430F-8BFC-E9C4AC3EB5F2}" srcOrd="1" destOrd="0" presId="urn:microsoft.com/office/officeart/2005/8/layout/bList2"/>
    <dgm:cxn modelId="{899E6CA2-E667-4042-8E64-8A2DF18C9A0D}" type="presParOf" srcId="{D162ADB7-4F49-48CD-98F8-E1ABD66AE302}" destId="{AC482125-FA40-4A31-B7A2-0B2F6E192DFC}" srcOrd="2" destOrd="0" presId="urn:microsoft.com/office/officeart/2005/8/layout/bList2"/>
    <dgm:cxn modelId="{415ECC95-6E9D-4255-8421-49A16626A06F}" type="presParOf" srcId="{AC482125-FA40-4A31-B7A2-0B2F6E192DFC}" destId="{138171F9-104B-434F-9DB5-2139B1087A97}" srcOrd="0" destOrd="0" presId="urn:microsoft.com/office/officeart/2005/8/layout/bList2"/>
    <dgm:cxn modelId="{6F41F506-98AF-441A-B54D-E3A75E9A6CDB}" type="presParOf" srcId="{AC482125-FA40-4A31-B7A2-0B2F6E192DFC}" destId="{8F5A2E21-EC08-4420-AA11-6EE2A091D1ED}" srcOrd="1" destOrd="0" presId="urn:microsoft.com/office/officeart/2005/8/layout/bList2"/>
    <dgm:cxn modelId="{96333489-6C26-4FD1-8725-D4AE764E918C}" type="presParOf" srcId="{AC482125-FA40-4A31-B7A2-0B2F6E192DFC}" destId="{6B72082A-2D3B-411C-A023-723F822CA728}" srcOrd="2" destOrd="0" presId="urn:microsoft.com/office/officeart/2005/8/layout/bList2"/>
    <dgm:cxn modelId="{CCE5AA64-19B7-4288-B52E-148FD73D32EE}" type="presParOf" srcId="{AC482125-FA40-4A31-B7A2-0B2F6E192DFC}" destId="{000A016A-D2A5-40A9-B1C4-D49AE9120AFE}" srcOrd="3" destOrd="0" presId="urn:microsoft.com/office/officeart/2005/8/layout/bList2"/>
    <dgm:cxn modelId="{7E6A7443-1724-4B0E-AB72-594F8637DEE5}" type="presParOf" srcId="{D162ADB7-4F49-48CD-98F8-E1ABD66AE302}" destId="{3ADB277D-F997-45AA-B22F-636F4C68072C}" srcOrd="3" destOrd="0" presId="urn:microsoft.com/office/officeart/2005/8/layout/bList2"/>
    <dgm:cxn modelId="{F07155CB-3F00-4951-B777-B9F94150EFB3}" type="presParOf" srcId="{D162ADB7-4F49-48CD-98F8-E1ABD66AE302}" destId="{D0F18836-FF24-4D1B-9A08-351A8BF002BF}" srcOrd="4" destOrd="0" presId="urn:microsoft.com/office/officeart/2005/8/layout/bList2"/>
    <dgm:cxn modelId="{99BF525D-46E5-490F-8D5A-F2E4CDACA744}" type="presParOf" srcId="{D0F18836-FF24-4D1B-9A08-351A8BF002BF}" destId="{628DBDCF-1A6D-46A3-AF6D-6B5156CF8743}" srcOrd="0" destOrd="0" presId="urn:microsoft.com/office/officeart/2005/8/layout/bList2"/>
    <dgm:cxn modelId="{1A704E23-830A-47C6-80C4-14DF66BBBB6B}" type="presParOf" srcId="{D0F18836-FF24-4D1B-9A08-351A8BF002BF}" destId="{3CDC7984-E631-44C8-A520-311013D7ED29}" srcOrd="1" destOrd="0" presId="urn:microsoft.com/office/officeart/2005/8/layout/bList2"/>
    <dgm:cxn modelId="{F4E41A6C-DDAA-4605-96FF-FC6A54EAF30C}" type="presParOf" srcId="{D0F18836-FF24-4D1B-9A08-351A8BF002BF}" destId="{F7276558-5C87-47C1-B20C-8489C7287727}" srcOrd="2" destOrd="0" presId="urn:microsoft.com/office/officeart/2005/8/layout/bList2"/>
    <dgm:cxn modelId="{29393E67-2CA8-4E3F-BBE8-C837BFCC01A4}" type="presParOf" srcId="{D0F18836-FF24-4D1B-9A08-351A8BF002BF}" destId="{9CA959A9-06AF-4E50-95F4-1F9B6C8EC925}" srcOrd="3" destOrd="0" presId="urn:microsoft.com/office/officeart/2005/8/layout/b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61882EB8-CADD-4D8C-99C5-18F604C149BF}" type="doc">
      <dgm:prSet loTypeId="urn:microsoft.com/office/officeart/2005/8/layout/process1" loCatId="process" qsTypeId="urn:microsoft.com/office/officeart/2005/8/quickstyle/simple1" qsCatId="simple" csTypeId="urn:microsoft.com/office/officeart/2005/8/colors/accent1_1" csCatId="accent1" phldr="1"/>
      <dgm:spPr/>
      <dgm:t>
        <a:bodyPr/>
        <a:lstStyle/>
        <a:p>
          <a:endParaRPr lang="en-GB"/>
        </a:p>
      </dgm:t>
    </dgm:pt>
    <dgm:pt modelId="{FF735A2E-9282-4546-A85D-D48C7F88F0BB}">
      <dgm:prSet phldrT="[Text]"/>
      <dgm:spPr/>
      <dgm:t>
        <a:bodyPr/>
        <a:lstStyle/>
        <a:p>
          <a:r>
            <a:rPr lang="en-GB" dirty="0"/>
            <a:t>Client / outgoing service provider</a:t>
          </a:r>
        </a:p>
      </dgm:t>
    </dgm:pt>
    <dgm:pt modelId="{699DB709-E93D-4F66-9172-950FA4392A55}" type="parTrans" cxnId="{CBCC8400-BC16-4B62-BAEA-76A6FF0D9E95}">
      <dgm:prSet/>
      <dgm:spPr/>
      <dgm:t>
        <a:bodyPr/>
        <a:lstStyle/>
        <a:p>
          <a:endParaRPr lang="en-GB"/>
        </a:p>
      </dgm:t>
    </dgm:pt>
    <dgm:pt modelId="{92F25D55-8D2A-4FBA-8090-467C56ADBDC9}" type="sibTrans" cxnId="{CBCC8400-BC16-4B62-BAEA-76A6FF0D9E95}">
      <dgm:prSet/>
      <dgm:spPr/>
      <dgm:t>
        <a:bodyPr/>
        <a:lstStyle/>
        <a:p>
          <a:endParaRPr lang="en-GB"/>
        </a:p>
      </dgm:t>
    </dgm:pt>
    <dgm:pt modelId="{4603C21A-10D6-452A-B088-A43196F83132}">
      <dgm:prSet phldrT="[Text]"/>
      <dgm:spPr/>
      <dgm:t>
        <a:bodyPr/>
        <a:lstStyle/>
        <a:p>
          <a:r>
            <a:rPr lang="en-GB" dirty="0"/>
            <a:t>new service provider</a:t>
          </a:r>
        </a:p>
      </dgm:t>
    </dgm:pt>
    <dgm:pt modelId="{3442E740-5809-4640-97C7-07515D7872F7}" type="parTrans" cxnId="{D7380EAE-192C-4BF2-9F1A-BECAA1BDB086}">
      <dgm:prSet/>
      <dgm:spPr/>
      <dgm:t>
        <a:bodyPr/>
        <a:lstStyle/>
        <a:p>
          <a:endParaRPr lang="en-GB"/>
        </a:p>
      </dgm:t>
    </dgm:pt>
    <dgm:pt modelId="{2A006F2D-C7D6-4469-B813-DB1750904258}" type="sibTrans" cxnId="{D7380EAE-192C-4BF2-9F1A-BECAA1BDB086}">
      <dgm:prSet/>
      <dgm:spPr/>
      <dgm:t>
        <a:bodyPr/>
        <a:lstStyle/>
        <a:p>
          <a:endParaRPr lang="en-GB"/>
        </a:p>
      </dgm:t>
    </dgm:pt>
    <dgm:pt modelId="{A09B2A42-EA91-45FD-B357-6B18645EEF4A}" type="pres">
      <dgm:prSet presAssocID="{61882EB8-CADD-4D8C-99C5-18F604C149BF}" presName="Name0" presStyleCnt="0">
        <dgm:presLayoutVars>
          <dgm:dir/>
          <dgm:resizeHandles val="exact"/>
        </dgm:presLayoutVars>
      </dgm:prSet>
      <dgm:spPr/>
    </dgm:pt>
    <dgm:pt modelId="{6D392680-6658-4F8E-84BD-EA6F27A00D78}" type="pres">
      <dgm:prSet presAssocID="{FF735A2E-9282-4546-A85D-D48C7F88F0BB}" presName="node" presStyleLbl="node1" presStyleIdx="0" presStyleCnt="2" custLinFactNeighborX="-13406">
        <dgm:presLayoutVars>
          <dgm:bulletEnabled val="1"/>
        </dgm:presLayoutVars>
      </dgm:prSet>
      <dgm:spPr/>
    </dgm:pt>
    <dgm:pt modelId="{55F293C8-7206-4F66-BA85-F9C938D1307E}" type="pres">
      <dgm:prSet presAssocID="{92F25D55-8D2A-4FBA-8090-467C56ADBDC9}" presName="sibTrans" presStyleLbl="sibTrans2D1" presStyleIdx="0" presStyleCnt="1" custScaleX="164725"/>
      <dgm:spPr/>
    </dgm:pt>
    <dgm:pt modelId="{7ACEAB94-BFBB-478B-8854-26F67322B11C}" type="pres">
      <dgm:prSet presAssocID="{92F25D55-8D2A-4FBA-8090-467C56ADBDC9}" presName="connectorText" presStyleLbl="sibTrans2D1" presStyleIdx="0" presStyleCnt="1"/>
      <dgm:spPr/>
    </dgm:pt>
    <dgm:pt modelId="{6D443C26-3175-4839-A1D3-FA489721D925}" type="pres">
      <dgm:prSet presAssocID="{4603C21A-10D6-452A-B088-A43196F83132}" presName="node" presStyleLbl="node1" presStyleIdx="1" presStyleCnt="2" custScaleX="96814" custLinFactNeighborY="6250">
        <dgm:presLayoutVars>
          <dgm:bulletEnabled val="1"/>
        </dgm:presLayoutVars>
      </dgm:prSet>
      <dgm:spPr/>
    </dgm:pt>
  </dgm:ptLst>
  <dgm:cxnLst>
    <dgm:cxn modelId="{CBCC8400-BC16-4B62-BAEA-76A6FF0D9E95}" srcId="{61882EB8-CADD-4D8C-99C5-18F604C149BF}" destId="{FF735A2E-9282-4546-A85D-D48C7F88F0BB}" srcOrd="0" destOrd="0" parTransId="{699DB709-E93D-4F66-9172-950FA4392A55}" sibTransId="{92F25D55-8D2A-4FBA-8090-467C56ADBDC9}"/>
    <dgm:cxn modelId="{95D0E313-ED57-4090-A355-F02573D0C649}" type="presOf" srcId="{FF735A2E-9282-4546-A85D-D48C7F88F0BB}" destId="{6D392680-6658-4F8E-84BD-EA6F27A00D78}" srcOrd="0" destOrd="0" presId="urn:microsoft.com/office/officeart/2005/8/layout/process1"/>
    <dgm:cxn modelId="{D446DE71-4519-435B-A541-FA26C9364D5C}" type="presOf" srcId="{92F25D55-8D2A-4FBA-8090-467C56ADBDC9}" destId="{7ACEAB94-BFBB-478B-8854-26F67322B11C}" srcOrd="1" destOrd="0" presId="urn:microsoft.com/office/officeart/2005/8/layout/process1"/>
    <dgm:cxn modelId="{8171FE9D-1AD3-4C8F-A1F2-002AFFCB3FF0}" type="presOf" srcId="{4603C21A-10D6-452A-B088-A43196F83132}" destId="{6D443C26-3175-4839-A1D3-FA489721D925}" srcOrd="0" destOrd="0" presId="urn:microsoft.com/office/officeart/2005/8/layout/process1"/>
    <dgm:cxn modelId="{D7380EAE-192C-4BF2-9F1A-BECAA1BDB086}" srcId="{61882EB8-CADD-4D8C-99C5-18F604C149BF}" destId="{4603C21A-10D6-452A-B088-A43196F83132}" srcOrd="1" destOrd="0" parTransId="{3442E740-5809-4640-97C7-07515D7872F7}" sibTransId="{2A006F2D-C7D6-4469-B813-DB1750904258}"/>
    <dgm:cxn modelId="{8215EFAF-9EAA-4E9F-8608-3C996D842162}" type="presOf" srcId="{92F25D55-8D2A-4FBA-8090-467C56ADBDC9}" destId="{55F293C8-7206-4F66-BA85-F9C938D1307E}" srcOrd="0" destOrd="0" presId="urn:microsoft.com/office/officeart/2005/8/layout/process1"/>
    <dgm:cxn modelId="{840D49DD-4653-4E10-9D5F-E8ABBE406689}" type="presOf" srcId="{61882EB8-CADD-4D8C-99C5-18F604C149BF}" destId="{A09B2A42-EA91-45FD-B357-6B18645EEF4A}" srcOrd="0" destOrd="0" presId="urn:microsoft.com/office/officeart/2005/8/layout/process1"/>
    <dgm:cxn modelId="{D75C007C-5900-4E2F-85D5-A41A51E361BD}" type="presParOf" srcId="{A09B2A42-EA91-45FD-B357-6B18645EEF4A}" destId="{6D392680-6658-4F8E-84BD-EA6F27A00D78}" srcOrd="0" destOrd="0" presId="urn:microsoft.com/office/officeart/2005/8/layout/process1"/>
    <dgm:cxn modelId="{4DD9EB3B-903C-400B-9FA0-57AF429599B2}" type="presParOf" srcId="{A09B2A42-EA91-45FD-B357-6B18645EEF4A}" destId="{55F293C8-7206-4F66-BA85-F9C938D1307E}" srcOrd="1" destOrd="0" presId="urn:microsoft.com/office/officeart/2005/8/layout/process1"/>
    <dgm:cxn modelId="{E338342E-3C3D-44F9-B5DA-47222C433F0C}" type="presParOf" srcId="{55F293C8-7206-4F66-BA85-F9C938D1307E}" destId="{7ACEAB94-BFBB-478B-8854-26F67322B11C}" srcOrd="0" destOrd="0" presId="urn:microsoft.com/office/officeart/2005/8/layout/process1"/>
    <dgm:cxn modelId="{63046AFA-FC02-4B62-9B3C-34B0DC26C4F1}" type="presParOf" srcId="{A09B2A42-EA91-45FD-B357-6B18645EEF4A}" destId="{6D443C26-3175-4839-A1D3-FA489721D925}" srcOrd="2" destOrd="0" presId="urn:microsoft.com/office/officeart/2005/8/layout/process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61882EB8-CADD-4D8C-99C5-18F604C149BF}" type="doc">
      <dgm:prSet loTypeId="urn:microsoft.com/office/officeart/2005/8/layout/process1" loCatId="process" qsTypeId="urn:microsoft.com/office/officeart/2005/8/quickstyle/simple1" qsCatId="simple" csTypeId="urn:microsoft.com/office/officeart/2005/8/colors/accent1_1" csCatId="accent1" phldr="1"/>
      <dgm:spPr/>
      <dgm:t>
        <a:bodyPr/>
        <a:lstStyle/>
        <a:p>
          <a:endParaRPr lang="en-GB"/>
        </a:p>
      </dgm:t>
    </dgm:pt>
    <dgm:pt modelId="{FF735A2E-9282-4546-A85D-D48C7F88F0BB}">
      <dgm:prSet phldrT="[Text]"/>
      <dgm:spPr/>
      <dgm:t>
        <a:bodyPr/>
        <a:lstStyle/>
        <a:p>
          <a:r>
            <a:rPr lang="en-GB" dirty="0"/>
            <a:t>New service provider</a:t>
          </a:r>
        </a:p>
      </dgm:t>
    </dgm:pt>
    <dgm:pt modelId="{699DB709-E93D-4F66-9172-950FA4392A55}" type="parTrans" cxnId="{CBCC8400-BC16-4B62-BAEA-76A6FF0D9E95}">
      <dgm:prSet/>
      <dgm:spPr/>
      <dgm:t>
        <a:bodyPr/>
        <a:lstStyle/>
        <a:p>
          <a:endParaRPr lang="en-GB"/>
        </a:p>
      </dgm:t>
    </dgm:pt>
    <dgm:pt modelId="{92F25D55-8D2A-4FBA-8090-467C56ADBDC9}" type="sibTrans" cxnId="{CBCC8400-BC16-4B62-BAEA-76A6FF0D9E95}">
      <dgm:prSet/>
      <dgm:spPr/>
      <dgm:t>
        <a:bodyPr/>
        <a:lstStyle/>
        <a:p>
          <a:endParaRPr lang="en-GB"/>
        </a:p>
      </dgm:t>
    </dgm:pt>
    <dgm:pt modelId="{4603C21A-10D6-452A-B088-A43196F83132}">
      <dgm:prSet phldrT="[Text]"/>
      <dgm:spPr/>
      <dgm:t>
        <a:bodyPr/>
        <a:lstStyle/>
        <a:p>
          <a:r>
            <a:rPr lang="en-GB" dirty="0"/>
            <a:t>replacement service provider/  in-house </a:t>
          </a:r>
        </a:p>
      </dgm:t>
    </dgm:pt>
    <dgm:pt modelId="{3442E740-5809-4640-97C7-07515D7872F7}" type="parTrans" cxnId="{D7380EAE-192C-4BF2-9F1A-BECAA1BDB086}">
      <dgm:prSet/>
      <dgm:spPr/>
      <dgm:t>
        <a:bodyPr/>
        <a:lstStyle/>
        <a:p>
          <a:endParaRPr lang="en-GB"/>
        </a:p>
      </dgm:t>
    </dgm:pt>
    <dgm:pt modelId="{2A006F2D-C7D6-4469-B813-DB1750904258}" type="sibTrans" cxnId="{D7380EAE-192C-4BF2-9F1A-BECAA1BDB086}">
      <dgm:prSet/>
      <dgm:spPr/>
      <dgm:t>
        <a:bodyPr/>
        <a:lstStyle/>
        <a:p>
          <a:endParaRPr lang="en-GB"/>
        </a:p>
      </dgm:t>
    </dgm:pt>
    <dgm:pt modelId="{A09B2A42-EA91-45FD-B357-6B18645EEF4A}" type="pres">
      <dgm:prSet presAssocID="{61882EB8-CADD-4D8C-99C5-18F604C149BF}" presName="Name0" presStyleCnt="0">
        <dgm:presLayoutVars>
          <dgm:dir/>
          <dgm:resizeHandles val="exact"/>
        </dgm:presLayoutVars>
      </dgm:prSet>
      <dgm:spPr/>
    </dgm:pt>
    <dgm:pt modelId="{6D392680-6658-4F8E-84BD-EA6F27A00D78}" type="pres">
      <dgm:prSet presAssocID="{FF735A2E-9282-4546-A85D-D48C7F88F0BB}" presName="node" presStyleLbl="node1" presStyleIdx="0" presStyleCnt="2" custLinFactNeighborX="-17791" custLinFactNeighborY="55841">
        <dgm:presLayoutVars>
          <dgm:bulletEnabled val="1"/>
        </dgm:presLayoutVars>
      </dgm:prSet>
      <dgm:spPr/>
    </dgm:pt>
    <dgm:pt modelId="{55F293C8-7206-4F66-BA85-F9C938D1307E}" type="pres">
      <dgm:prSet presAssocID="{92F25D55-8D2A-4FBA-8090-467C56ADBDC9}" presName="sibTrans" presStyleLbl="sibTrans2D1" presStyleIdx="0" presStyleCnt="1" custScaleX="164724"/>
      <dgm:spPr/>
    </dgm:pt>
    <dgm:pt modelId="{7ACEAB94-BFBB-478B-8854-26F67322B11C}" type="pres">
      <dgm:prSet presAssocID="{92F25D55-8D2A-4FBA-8090-467C56ADBDC9}" presName="connectorText" presStyleLbl="sibTrans2D1" presStyleIdx="0" presStyleCnt="1"/>
      <dgm:spPr/>
    </dgm:pt>
    <dgm:pt modelId="{6D443C26-3175-4839-A1D3-FA489721D925}" type="pres">
      <dgm:prSet presAssocID="{4603C21A-10D6-452A-B088-A43196F83132}" presName="node" presStyleLbl="node1" presStyleIdx="1" presStyleCnt="2" custScaleX="96814" custLinFactNeighborX="-7500">
        <dgm:presLayoutVars>
          <dgm:bulletEnabled val="1"/>
        </dgm:presLayoutVars>
      </dgm:prSet>
      <dgm:spPr/>
    </dgm:pt>
  </dgm:ptLst>
  <dgm:cxnLst>
    <dgm:cxn modelId="{CBCC8400-BC16-4B62-BAEA-76A6FF0D9E95}" srcId="{61882EB8-CADD-4D8C-99C5-18F604C149BF}" destId="{FF735A2E-9282-4546-A85D-D48C7F88F0BB}" srcOrd="0" destOrd="0" parTransId="{699DB709-E93D-4F66-9172-950FA4392A55}" sibTransId="{92F25D55-8D2A-4FBA-8090-467C56ADBDC9}"/>
    <dgm:cxn modelId="{95D0E313-ED57-4090-A355-F02573D0C649}" type="presOf" srcId="{FF735A2E-9282-4546-A85D-D48C7F88F0BB}" destId="{6D392680-6658-4F8E-84BD-EA6F27A00D78}" srcOrd="0" destOrd="0" presId="urn:microsoft.com/office/officeart/2005/8/layout/process1"/>
    <dgm:cxn modelId="{D446DE71-4519-435B-A541-FA26C9364D5C}" type="presOf" srcId="{92F25D55-8D2A-4FBA-8090-467C56ADBDC9}" destId="{7ACEAB94-BFBB-478B-8854-26F67322B11C}" srcOrd="1" destOrd="0" presId="urn:microsoft.com/office/officeart/2005/8/layout/process1"/>
    <dgm:cxn modelId="{8171FE9D-1AD3-4C8F-A1F2-002AFFCB3FF0}" type="presOf" srcId="{4603C21A-10D6-452A-B088-A43196F83132}" destId="{6D443C26-3175-4839-A1D3-FA489721D925}" srcOrd="0" destOrd="0" presId="urn:microsoft.com/office/officeart/2005/8/layout/process1"/>
    <dgm:cxn modelId="{D7380EAE-192C-4BF2-9F1A-BECAA1BDB086}" srcId="{61882EB8-CADD-4D8C-99C5-18F604C149BF}" destId="{4603C21A-10D6-452A-B088-A43196F83132}" srcOrd="1" destOrd="0" parTransId="{3442E740-5809-4640-97C7-07515D7872F7}" sibTransId="{2A006F2D-C7D6-4469-B813-DB1750904258}"/>
    <dgm:cxn modelId="{8215EFAF-9EAA-4E9F-8608-3C996D842162}" type="presOf" srcId="{92F25D55-8D2A-4FBA-8090-467C56ADBDC9}" destId="{55F293C8-7206-4F66-BA85-F9C938D1307E}" srcOrd="0" destOrd="0" presId="urn:microsoft.com/office/officeart/2005/8/layout/process1"/>
    <dgm:cxn modelId="{840D49DD-4653-4E10-9D5F-E8ABBE406689}" type="presOf" srcId="{61882EB8-CADD-4D8C-99C5-18F604C149BF}" destId="{A09B2A42-EA91-45FD-B357-6B18645EEF4A}" srcOrd="0" destOrd="0" presId="urn:microsoft.com/office/officeart/2005/8/layout/process1"/>
    <dgm:cxn modelId="{D75C007C-5900-4E2F-85D5-A41A51E361BD}" type="presParOf" srcId="{A09B2A42-EA91-45FD-B357-6B18645EEF4A}" destId="{6D392680-6658-4F8E-84BD-EA6F27A00D78}" srcOrd="0" destOrd="0" presId="urn:microsoft.com/office/officeart/2005/8/layout/process1"/>
    <dgm:cxn modelId="{4DD9EB3B-903C-400B-9FA0-57AF429599B2}" type="presParOf" srcId="{A09B2A42-EA91-45FD-B357-6B18645EEF4A}" destId="{55F293C8-7206-4F66-BA85-F9C938D1307E}" srcOrd="1" destOrd="0" presId="urn:microsoft.com/office/officeart/2005/8/layout/process1"/>
    <dgm:cxn modelId="{E338342E-3C3D-44F9-B5DA-47222C433F0C}" type="presParOf" srcId="{55F293C8-7206-4F66-BA85-F9C938D1307E}" destId="{7ACEAB94-BFBB-478B-8854-26F67322B11C}" srcOrd="0" destOrd="0" presId="urn:microsoft.com/office/officeart/2005/8/layout/process1"/>
    <dgm:cxn modelId="{63046AFA-FC02-4B62-9B3C-34B0DC26C4F1}" type="presParOf" srcId="{A09B2A42-EA91-45FD-B357-6B18645EEF4A}" destId="{6D443C26-3175-4839-A1D3-FA489721D925}" srcOrd="2" destOrd="0" presId="urn:microsoft.com/office/officeart/2005/8/layout/process1"/>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6E0C682D-6FE3-4018-A173-90C5180115F9}" type="doc">
      <dgm:prSet loTypeId="urn:microsoft.com/office/officeart/2005/8/layout/vProcess5" loCatId="process" qsTypeId="urn:microsoft.com/office/officeart/2005/8/quickstyle/simple2" qsCatId="simple" csTypeId="urn:microsoft.com/office/officeart/2005/8/colors/accent1_1" csCatId="accent1" phldr="1"/>
      <dgm:spPr/>
      <dgm:t>
        <a:bodyPr/>
        <a:lstStyle/>
        <a:p>
          <a:endParaRPr lang="en-US"/>
        </a:p>
      </dgm:t>
    </dgm:pt>
    <dgm:pt modelId="{F5D6229B-9A11-4D82-8E03-C7EA378F95E0}">
      <dgm:prSet/>
      <dgm:spPr/>
      <dgm:t>
        <a:bodyPr/>
        <a:lstStyle/>
        <a:p>
          <a:r>
            <a:rPr lang="en-GB" dirty="0"/>
            <a:t>Employees may expect TUPE to apply – sector experience of transferring</a:t>
          </a:r>
          <a:endParaRPr lang="en-US" dirty="0"/>
        </a:p>
      </dgm:t>
    </dgm:pt>
    <dgm:pt modelId="{C37C400C-848E-4F1A-9C60-5C19AFF0E907}" type="parTrans" cxnId="{D78CCD5A-B6FB-4F8A-93E6-D7FB79876CBB}">
      <dgm:prSet/>
      <dgm:spPr/>
      <dgm:t>
        <a:bodyPr/>
        <a:lstStyle/>
        <a:p>
          <a:endParaRPr lang="en-US"/>
        </a:p>
      </dgm:t>
    </dgm:pt>
    <dgm:pt modelId="{1D6A856F-72C6-4700-9400-DA70953F9061}" type="sibTrans" cxnId="{D78CCD5A-B6FB-4F8A-93E6-D7FB79876CBB}">
      <dgm:prSet/>
      <dgm:spPr/>
      <dgm:t>
        <a:bodyPr/>
        <a:lstStyle/>
        <a:p>
          <a:endParaRPr lang="en-US"/>
        </a:p>
      </dgm:t>
    </dgm:pt>
    <dgm:pt modelId="{0B432BE3-ACDA-4E6E-9502-42EBEF64AC70}">
      <dgm:prSet/>
      <dgm:spPr/>
      <dgm:t>
        <a:bodyPr/>
        <a:lstStyle/>
        <a:p>
          <a:r>
            <a:rPr lang="en-GB"/>
            <a:t>No redundancy costs</a:t>
          </a:r>
          <a:endParaRPr lang="en-US"/>
        </a:p>
      </dgm:t>
    </dgm:pt>
    <dgm:pt modelId="{091D5690-4055-44EC-AAB7-CE6DFBCED897}" type="parTrans" cxnId="{3DBBDFE9-4C64-44C1-A7FD-2A77E9160452}">
      <dgm:prSet/>
      <dgm:spPr/>
      <dgm:t>
        <a:bodyPr/>
        <a:lstStyle/>
        <a:p>
          <a:endParaRPr lang="en-US"/>
        </a:p>
      </dgm:t>
    </dgm:pt>
    <dgm:pt modelId="{D91FE50F-25A1-43B0-A934-4A36C6EC81FE}" type="sibTrans" cxnId="{3DBBDFE9-4C64-44C1-A7FD-2A77E9160452}">
      <dgm:prSet/>
      <dgm:spPr/>
      <dgm:t>
        <a:bodyPr/>
        <a:lstStyle/>
        <a:p>
          <a:endParaRPr lang="en-US"/>
        </a:p>
      </dgm:t>
    </dgm:pt>
    <dgm:pt modelId="{6FCF2B66-58E0-4315-A201-21F0981FDEA4}">
      <dgm:prSet/>
      <dgm:spPr/>
      <dgm:t>
        <a:bodyPr/>
        <a:lstStyle/>
        <a:p>
          <a:r>
            <a:rPr lang="en-GB" dirty="0"/>
            <a:t>Continuity of labour supply, but post-transfer redundancies can be lawful if needed</a:t>
          </a:r>
          <a:endParaRPr lang="en-US" dirty="0"/>
        </a:p>
      </dgm:t>
    </dgm:pt>
    <dgm:pt modelId="{2B548100-5236-464B-9DFF-29021462A429}" type="parTrans" cxnId="{C46A828F-A44F-41AC-8A6A-8C29E37D7B1F}">
      <dgm:prSet/>
      <dgm:spPr/>
      <dgm:t>
        <a:bodyPr/>
        <a:lstStyle/>
        <a:p>
          <a:endParaRPr lang="en-US"/>
        </a:p>
      </dgm:t>
    </dgm:pt>
    <dgm:pt modelId="{E6B0BC36-D7B9-429D-B7A0-793BEE84730E}" type="sibTrans" cxnId="{C46A828F-A44F-41AC-8A6A-8C29E37D7B1F}">
      <dgm:prSet/>
      <dgm:spPr/>
      <dgm:t>
        <a:bodyPr/>
        <a:lstStyle/>
        <a:p>
          <a:endParaRPr lang="en-US"/>
        </a:p>
      </dgm:t>
    </dgm:pt>
    <dgm:pt modelId="{520C256E-7875-4122-ABA0-ACB560EFCE64}" type="pres">
      <dgm:prSet presAssocID="{6E0C682D-6FE3-4018-A173-90C5180115F9}" presName="outerComposite" presStyleCnt="0">
        <dgm:presLayoutVars>
          <dgm:chMax val="5"/>
          <dgm:dir/>
          <dgm:resizeHandles val="exact"/>
        </dgm:presLayoutVars>
      </dgm:prSet>
      <dgm:spPr/>
    </dgm:pt>
    <dgm:pt modelId="{51F5A8E1-0DAF-4195-A692-5AE168208615}" type="pres">
      <dgm:prSet presAssocID="{6E0C682D-6FE3-4018-A173-90C5180115F9}" presName="dummyMaxCanvas" presStyleCnt="0">
        <dgm:presLayoutVars/>
      </dgm:prSet>
      <dgm:spPr/>
    </dgm:pt>
    <dgm:pt modelId="{3D9517CF-94AD-4EEF-8F28-276E85B5CF31}" type="pres">
      <dgm:prSet presAssocID="{6E0C682D-6FE3-4018-A173-90C5180115F9}" presName="ThreeNodes_1" presStyleLbl="node1" presStyleIdx="0" presStyleCnt="3" custScaleY="94824">
        <dgm:presLayoutVars>
          <dgm:bulletEnabled val="1"/>
        </dgm:presLayoutVars>
      </dgm:prSet>
      <dgm:spPr/>
    </dgm:pt>
    <dgm:pt modelId="{725100EE-331C-4094-8BD2-AEA3E2A78C32}" type="pres">
      <dgm:prSet presAssocID="{6E0C682D-6FE3-4018-A173-90C5180115F9}" presName="ThreeNodes_2" presStyleLbl="node1" presStyleIdx="1" presStyleCnt="3">
        <dgm:presLayoutVars>
          <dgm:bulletEnabled val="1"/>
        </dgm:presLayoutVars>
      </dgm:prSet>
      <dgm:spPr/>
    </dgm:pt>
    <dgm:pt modelId="{DF1B7D9E-482B-48D2-AB1B-1B07B032F4D9}" type="pres">
      <dgm:prSet presAssocID="{6E0C682D-6FE3-4018-A173-90C5180115F9}" presName="ThreeNodes_3" presStyleLbl="node1" presStyleIdx="2" presStyleCnt="3">
        <dgm:presLayoutVars>
          <dgm:bulletEnabled val="1"/>
        </dgm:presLayoutVars>
      </dgm:prSet>
      <dgm:spPr/>
    </dgm:pt>
    <dgm:pt modelId="{15335085-0AED-4401-AB4C-9D283ECA3762}" type="pres">
      <dgm:prSet presAssocID="{6E0C682D-6FE3-4018-A173-90C5180115F9}" presName="ThreeConn_1-2" presStyleLbl="fgAccFollowNode1" presStyleIdx="0" presStyleCnt="2">
        <dgm:presLayoutVars>
          <dgm:bulletEnabled val="1"/>
        </dgm:presLayoutVars>
      </dgm:prSet>
      <dgm:spPr/>
    </dgm:pt>
    <dgm:pt modelId="{0B96542D-6FDE-406C-B3A2-40F52832621E}" type="pres">
      <dgm:prSet presAssocID="{6E0C682D-6FE3-4018-A173-90C5180115F9}" presName="ThreeConn_2-3" presStyleLbl="fgAccFollowNode1" presStyleIdx="1" presStyleCnt="2">
        <dgm:presLayoutVars>
          <dgm:bulletEnabled val="1"/>
        </dgm:presLayoutVars>
      </dgm:prSet>
      <dgm:spPr/>
    </dgm:pt>
    <dgm:pt modelId="{1E310567-B75B-4F7A-AC38-D1298DC48FD7}" type="pres">
      <dgm:prSet presAssocID="{6E0C682D-6FE3-4018-A173-90C5180115F9}" presName="ThreeNodes_1_text" presStyleLbl="node1" presStyleIdx="2" presStyleCnt="3">
        <dgm:presLayoutVars>
          <dgm:bulletEnabled val="1"/>
        </dgm:presLayoutVars>
      </dgm:prSet>
      <dgm:spPr/>
    </dgm:pt>
    <dgm:pt modelId="{62C8599A-6381-477D-BAF1-3313DEB3EEAB}" type="pres">
      <dgm:prSet presAssocID="{6E0C682D-6FE3-4018-A173-90C5180115F9}" presName="ThreeNodes_2_text" presStyleLbl="node1" presStyleIdx="2" presStyleCnt="3">
        <dgm:presLayoutVars>
          <dgm:bulletEnabled val="1"/>
        </dgm:presLayoutVars>
      </dgm:prSet>
      <dgm:spPr/>
    </dgm:pt>
    <dgm:pt modelId="{E30D8520-630E-4138-9662-2EE416D96AAB}" type="pres">
      <dgm:prSet presAssocID="{6E0C682D-6FE3-4018-A173-90C5180115F9}" presName="ThreeNodes_3_text" presStyleLbl="node1" presStyleIdx="2" presStyleCnt="3">
        <dgm:presLayoutVars>
          <dgm:bulletEnabled val="1"/>
        </dgm:presLayoutVars>
      </dgm:prSet>
      <dgm:spPr/>
    </dgm:pt>
  </dgm:ptLst>
  <dgm:cxnLst>
    <dgm:cxn modelId="{279DB920-18B0-414F-836B-C9992A87E627}" type="presOf" srcId="{F5D6229B-9A11-4D82-8E03-C7EA378F95E0}" destId="{1E310567-B75B-4F7A-AC38-D1298DC48FD7}" srcOrd="1" destOrd="0" presId="urn:microsoft.com/office/officeart/2005/8/layout/vProcess5"/>
    <dgm:cxn modelId="{ABADF83B-2173-441C-BE99-53CB0529A437}" type="presOf" srcId="{6FCF2B66-58E0-4315-A201-21F0981FDEA4}" destId="{DF1B7D9E-482B-48D2-AB1B-1B07B032F4D9}" srcOrd="0" destOrd="0" presId="urn:microsoft.com/office/officeart/2005/8/layout/vProcess5"/>
    <dgm:cxn modelId="{1DDB6252-60E5-41B3-BD67-54A45FD3C714}" type="presOf" srcId="{F5D6229B-9A11-4D82-8E03-C7EA378F95E0}" destId="{3D9517CF-94AD-4EEF-8F28-276E85B5CF31}" srcOrd="0" destOrd="0" presId="urn:microsoft.com/office/officeart/2005/8/layout/vProcess5"/>
    <dgm:cxn modelId="{D78CCD5A-B6FB-4F8A-93E6-D7FB79876CBB}" srcId="{6E0C682D-6FE3-4018-A173-90C5180115F9}" destId="{F5D6229B-9A11-4D82-8E03-C7EA378F95E0}" srcOrd="0" destOrd="0" parTransId="{C37C400C-848E-4F1A-9C60-5C19AFF0E907}" sibTransId="{1D6A856F-72C6-4700-9400-DA70953F9061}"/>
    <dgm:cxn modelId="{6067857B-8F32-4908-9773-F4BD40E63992}" type="presOf" srcId="{6E0C682D-6FE3-4018-A173-90C5180115F9}" destId="{520C256E-7875-4122-ABA0-ACB560EFCE64}" srcOrd="0" destOrd="0" presId="urn:microsoft.com/office/officeart/2005/8/layout/vProcess5"/>
    <dgm:cxn modelId="{C977757D-95B5-4E83-851D-513816CF4A08}" type="presOf" srcId="{1D6A856F-72C6-4700-9400-DA70953F9061}" destId="{15335085-0AED-4401-AB4C-9D283ECA3762}" srcOrd="0" destOrd="0" presId="urn:microsoft.com/office/officeart/2005/8/layout/vProcess5"/>
    <dgm:cxn modelId="{C3DAFF81-836B-4F69-9704-0460B6D529FE}" type="presOf" srcId="{0B432BE3-ACDA-4E6E-9502-42EBEF64AC70}" destId="{62C8599A-6381-477D-BAF1-3313DEB3EEAB}" srcOrd="1" destOrd="0" presId="urn:microsoft.com/office/officeart/2005/8/layout/vProcess5"/>
    <dgm:cxn modelId="{C46A828F-A44F-41AC-8A6A-8C29E37D7B1F}" srcId="{6E0C682D-6FE3-4018-A173-90C5180115F9}" destId="{6FCF2B66-58E0-4315-A201-21F0981FDEA4}" srcOrd="2" destOrd="0" parTransId="{2B548100-5236-464B-9DFF-29021462A429}" sibTransId="{E6B0BC36-D7B9-429D-B7A0-793BEE84730E}"/>
    <dgm:cxn modelId="{4D57C6AA-145F-44B7-8763-4F398B75B91D}" type="presOf" srcId="{0B432BE3-ACDA-4E6E-9502-42EBEF64AC70}" destId="{725100EE-331C-4094-8BD2-AEA3E2A78C32}" srcOrd="0" destOrd="0" presId="urn:microsoft.com/office/officeart/2005/8/layout/vProcess5"/>
    <dgm:cxn modelId="{06DF5BC4-9F47-4E81-9B19-3B0CA77679C3}" type="presOf" srcId="{D91FE50F-25A1-43B0-A934-4A36C6EC81FE}" destId="{0B96542D-6FDE-406C-B3A2-40F52832621E}" srcOrd="0" destOrd="0" presId="urn:microsoft.com/office/officeart/2005/8/layout/vProcess5"/>
    <dgm:cxn modelId="{3DBBDFE9-4C64-44C1-A7FD-2A77E9160452}" srcId="{6E0C682D-6FE3-4018-A173-90C5180115F9}" destId="{0B432BE3-ACDA-4E6E-9502-42EBEF64AC70}" srcOrd="1" destOrd="0" parTransId="{091D5690-4055-44EC-AAB7-CE6DFBCED897}" sibTransId="{D91FE50F-25A1-43B0-A934-4A36C6EC81FE}"/>
    <dgm:cxn modelId="{D60905EA-2A0B-4637-8F09-8A8A15524659}" type="presOf" srcId="{6FCF2B66-58E0-4315-A201-21F0981FDEA4}" destId="{E30D8520-630E-4138-9662-2EE416D96AAB}" srcOrd="1" destOrd="0" presId="urn:microsoft.com/office/officeart/2005/8/layout/vProcess5"/>
    <dgm:cxn modelId="{C495B284-3C73-4DA5-8700-4654B4C50498}" type="presParOf" srcId="{520C256E-7875-4122-ABA0-ACB560EFCE64}" destId="{51F5A8E1-0DAF-4195-A692-5AE168208615}" srcOrd="0" destOrd="0" presId="urn:microsoft.com/office/officeart/2005/8/layout/vProcess5"/>
    <dgm:cxn modelId="{FC426EB1-06A3-4496-91C9-162F3AE8F33F}" type="presParOf" srcId="{520C256E-7875-4122-ABA0-ACB560EFCE64}" destId="{3D9517CF-94AD-4EEF-8F28-276E85B5CF31}" srcOrd="1" destOrd="0" presId="urn:microsoft.com/office/officeart/2005/8/layout/vProcess5"/>
    <dgm:cxn modelId="{01D71D20-7733-4636-B457-5D2B1772CCA2}" type="presParOf" srcId="{520C256E-7875-4122-ABA0-ACB560EFCE64}" destId="{725100EE-331C-4094-8BD2-AEA3E2A78C32}" srcOrd="2" destOrd="0" presId="urn:microsoft.com/office/officeart/2005/8/layout/vProcess5"/>
    <dgm:cxn modelId="{21481B10-BAB0-47E6-B494-169997DB10AE}" type="presParOf" srcId="{520C256E-7875-4122-ABA0-ACB560EFCE64}" destId="{DF1B7D9E-482B-48D2-AB1B-1B07B032F4D9}" srcOrd="3" destOrd="0" presId="urn:microsoft.com/office/officeart/2005/8/layout/vProcess5"/>
    <dgm:cxn modelId="{86F417CA-5E93-45A4-AB13-0E78FA93238B}" type="presParOf" srcId="{520C256E-7875-4122-ABA0-ACB560EFCE64}" destId="{15335085-0AED-4401-AB4C-9D283ECA3762}" srcOrd="4" destOrd="0" presId="urn:microsoft.com/office/officeart/2005/8/layout/vProcess5"/>
    <dgm:cxn modelId="{B62148FE-9EC7-488C-87F9-3E7584933DA1}" type="presParOf" srcId="{520C256E-7875-4122-ABA0-ACB560EFCE64}" destId="{0B96542D-6FDE-406C-B3A2-40F52832621E}" srcOrd="5" destOrd="0" presId="urn:microsoft.com/office/officeart/2005/8/layout/vProcess5"/>
    <dgm:cxn modelId="{0E3C24B3-FFEE-4FDB-9ACC-85E91E1F60B1}" type="presParOf" srcId="{520C256E-7875-4122-ABA0-ACB560EFCE64}" destId="{1E310567-B75B-4F7A-AC38-D1298DC48FD7}" srcOrd="6" destOrd="0" presId="urn:microsoft.com/office/officeart/2005/8/layout/vProcess5"/>
    <dgm:cxn modelId="{0C7A0338-2A13-46CE-8087-6DA097D8A3E6}" type="presParOf" srcId="{520C256E-7875-4122-ABA0-ACB560EFCE64}" destId="{62C8599A-6381-477D-BAF1-3313DEB3EEAB}" srcOrd="7" destOrd="0" presId="urn:microsoft.com/office/officeart/2005/8/layout/vProcess5"/>
    <dgm:cxn modelId="{C61D3D9E-E511-4D43-A49C-A517FD9D5C6C}" type="presParOf" srcId="{520C256E-7875-4122-ABA0-ACB560EFCE64}" destId="{E30D8520-630E-4138-9662-2EE416D96AAB}" srcOrd="8" destOrd="0" presId="urn:microsoft.com/office/officeart/2005/8/layout/vProcess5"/>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6E0C682D-6FE3-4018-A173-90C5180115F9}" type="doc">
      <dgm:prSet loTypeId="urn:microsoft.com/office/officeart/2005/8/layout/vProcess5" loCatId="process" qsTypeId="urn:microsoft.com/office/officeart/2005/8/quickstyle/simple2" qsCatId="simple" csTypeId="urn:microsoft.com/office/officeart/2005/8/colors/accent1_1" csCatId="accent1" phldr="1"/>
      <dgm:spPr/>
      <dgm:t>
        <a:bodyPr/>
        <a:lstStyle/>
        <a:p>
          <a:endParaRPr lang="en-US"/>
        </a:p>
      </dgm:t>
    </dgm:pt>
    <dgm:pt modelId="{F5D6229B-9A11-4D82-8E03-C7EA378F95E0}">
      <dgm:prSet/>
      <dgm:spPr/>
      <dgm:t>
        <a:bodyPr/>
        <a:lstStyle/>
        <a:p>
          <a:r>
            <a:rPr lang="en-GB" dirty="0"/>
            <a:t>Inherited terms and conditions and liabilities</a:t>
          </a:r>
          <a:endParaRPr lang="en-US" dirty="0"/>
        </a:p>
      </dgm:t>
    </dgm:pt>
    <dgm:pt modelId="{C37C400C-848E-4F1A-9C60-5C19AFF0E907}" type="parTrans" cxnId="{D78CCD5A-B6FB-4F8A-93E6-D7FB79876CBB}">
      <dgm:prSet/>
      <dgm:spPr/>
      <dgm:t>
        <a:bodyPr/>
        <a:lstStyle/>
        <a:p>
          <a:endParaRPr lang="en-US"/>
        </a:p>
      </dgm:t>
    </dgm:pt>
    <dgm:pt modelId="{1D6A856F-72C6-4700-9400-DA70953F9061}" type="sibTrans" cxnId="{D78CCD5A-B6FB-4F8A-93E6-D7FB79876CBB}">
      <dgm:prSet/>
      <dgm:spPr/>
      <dgm:t>
        <a:bodyPr/>
        <a:lstStyle/>
        <a:p>
          <a:endParaRPr lang="en-US"/>
        </a:p>
      </dgm:t>
    </dgm:pt>
    <dgm:pt modelId="{0B432BE3-ACDA-4E6E-9502-42EBEF64AC70}">
      <dgm:prSet/>
      <dgm:spPr/>
      <dgm:t>
        <a:bodyPr/>
        <a:lstStyle/>
        <a:p>
          <a:r>
            <a:rPr lang="en-GB" dirty="0"/>
            <a:t>Transfer of employee information</a:t>
          </a:r>
          <a:endParaRPr lang="en-US" dirty="0"/>
        </a:p>
      </dgm:t>
    </dgm:pt>
    <dgm:pt modelId="{091D5690-4055-44EC-AAB7-CE6DFBCED897}" type="parTrans" cxnId="{3DBBDFE9-4C64-44C1-A7FD-2A77E9160452}">
      <dgm:prSet/>
      <dgm:spPr/>
      <dgm:t>
        <a:bodyPr/>
        <a:lstStyle/>
        <a:p>
          <a:endParaRPr lang="en-US"/>
        </a:p>
      </dgm:t>
    </dgm:pt>
    <dgm:pt modelId="{D91FE50F-25A1-43B0-A934-4A36C6EC81FE}" type="sibTrans" cxnId="{3DBBDFE9-4C64-44C1-A7FD-2A77E9160452}">
      <dgm:prSet/>
      <dgm:spPr/>
      <dgm:t>
        <a:bodyPr/>
        <a:lstStyle/>
        <a:p>
          <a:endParaRPr lang="en-US"/>
        </a:p>
      </dgm:t>
    </dgm:pt>
    <dgm:pt modelId="{6FCF2B66-58E0-4315-A201-21F0981FDEA4}">
      <dgm:prSet/>
      <dgm:spPr/>
      <dgm:t>
        <a:bodyPr/>
        <a:lstStyle/>
        <a:p>
          <a:r>
            <a:rPr lang="en-GB" dirty="0"/>
            <a:t>Information and consultation process</a:t>
          </a:r>
          <a:endParaRPr lang="en-US" dirty="0"/>
        </a:p>
      </dgm:t>
    </dgm:pt>
    <dgm:pt modelId="{2B548100-5236-464B-9DFF-29021462A429}" type="parTrans" cxnId="{C46A828F-A44F-41AC-8A6A-8C29E37D7B1F}">
      <dgm:prSet/>
      <dgm:spPr/>
      <dgm:t>
        <a:bodyPr/>
        <a:lstStyle/>
        <a:p>
          <a:endParaRPr lang="en-US"/>
        </a:p>
      </dgm:t>
    </dgm:pt>
    <dgm:pt modelId="{E6B0BC36-D7B9-429D-B7A0-793BEE84730E}" type="sibTrans" cxnId="{C46A828F-A44F-41AC-8A6A-8C29E37D7B1F}">
      <dgm:prSet/>
      <dgm:spPr/>
      <dgm:t>
        <a:bodyPr/>
        <a:lstStyle/>
        <a:p>
          <a:endParaRPr lang="en-US"/>
        </a:p>
      </dgm:t>
    </dgm:pt>
    <dgm:pt modelId="{0F7AF269-74EE-4941-94D1-DFBA3A0C876A}">
      <dgm:prSet/>
      <dgm:spPr/>
      <dgm:t>
        <a:bodyPr/>
        <a:lstStyle/>
        <a:p>
          <a:r>
            <a:rPr lang="en-GB" dirty="0"/>
            <a:t>Onboarding transferring employees</a:t>
          </a:r>
          <a:endParaRPr lang="en-US" dirty="0"/>
        </a:p>
      </dgm:t>
    </dgm:pt>
    <dgm:pt modelId="{6DA58FCB-5D32-44DC-92B4-173ED593B563}" type="parTrans" cxnId="{50F48FA1-EFEE-43B8-8EA9-D0C4FEEC7DBA}">
      <dgm:prSet/>
      <dgm:spPr/>
      <dgm:t>
        <a:bodyPr/>
        <a:lstStyle/>
        <a:p>
          <a:endParaRPr lang="en-GB"/>
        </a:p>
      </dgm:t>
    </dgm:pt>
    <dgm:pt modelId="{EBC56E32-3B68-49D1-9F2C-323F70158B50}" type="sibTrans" cxnId="{50F48FA1-EFEE-43B8-8EA9-D0C4FEEC7DBA}">
      <dgm:prSet/>
      <dgm:spPr/>
      <dgm:t>
        <a:bodyPr/>
        <a:lstStyle/>
        <a:p>
          <a:endParaRPr lang="en-GB"/>
        </a:p>
      </dgm:t>
    </dgm:pt>
    <dgm:pt modelId="{8746E4E6-1BD9-4055-B353-C4094DC9C326}">
      <dgm:prSet/>
      <dgm:spPr/>
      <dgm:t>
        <a:bodyPr/>
        <a:lstStyle/>
        <a:p>
          <a:r>
            <a:rPr lang="en-GB" dirty="0"/>
            <a:t>Employees may object</a:t>
          </a:r>
          <a:endParaRPr lang="en-US" dirty="0"/>
        </a:p>
      </dgm:t>
    </dgm:pt>
    <dgm:pt modelId="{70D7BADE-3778-4A85-A0B2-A61A2E1FB45A}" type="parTrans" cxnId="{1F4EA195-607E-442B-9D4F-6986C41F4031}">
      <dgm:prSet/>
      <dgm:spPr/>
      <dgm:t>
        <a:bodyPr/>
        <a:lstStyle/>
        <a:p>
          <a:endParaRPr lang="en-GB"/>
        </a:p>
      </dgm:t>
    </dgm:pt>
    <dgm:pt modelId="{D58592FA-6299-409C-B9ED-DF70DB950E39}" type="sibTrans" cxnId="{1F4EA195-607E-442B-9D4F-6986C41F4031}">
      <dgm:prSet/>
      <dgm:spPr/>
      <dgm:t>
        <a:bodyPr/>
        <a:lstStyle/>
        <a:p>
          <a:endParaRPr lang="en-GB"/>
        </a:p>
      </dgm:t>
    </dgm:pt>
    <dgm:pt modelId="{039642EC-36D0-4E10-B20F-290F9A6C3D7E}">
      <dgm:prSet/>
      <dgm:spPr/>
      <dgm:t>
        <a:bodyPr/>
        <a:lstStyle/>
        <a:p>
          <a:endParaRPr lang="en-GB"/>
        </a:p>
      </dgm:t>
    </dgm:pt>
    <dgm:pt modelId="{879B4C69-D862-416A-8796-A9D3DD3BB477}" type="parTrans" cxnId="{D9A65A9A-5683-41FE-BB86-896329839B06}">
      <dgm:prSet/>
      <dgm:spPr/>
      <dgm:t>
        <a:bodyPr/>
        <a:lstStyle/>
        <a:p>
          <a:endParaRPr lang="en-GB"/>
        </a:p>
      </dgm:t>
    </dgm:pt>
    <dgm:pt modelId="{1448BC5C-FA59-4990-B430-F71155A7B208}" type="sibTrans" cxnId="{D9A65A9A-5683-41FE-BB86-896329839B06}">
      <dgm:prSet/>
      <dgm:spPr/>
      <dgm:t>
        <a:bodyPr/>
        <a:lstStyle/>
        <a:p>
          <a:endParaRPr lang="en-GB"/>
        </a:p>
      </dgm:t>
    </dgm:pt>
    <dgm:pt modelId="{78E4EE22-35DC-40EA-B2D3-C77879627B11}">
      <dgm:prSet/>
      <dgm:spPr/>
      <dgm:t>
        <a:bodyPr/>
        <a:lstStyle/>
        <a:p>
          <a:endParaRPr lang="en-GB"/>
        </a:p>
      </dgm:t>
    </dgm:pt>
    <dgm:pt modelId="{FACA3E2F-414C-422B-95B3-40B01B1B0AFC}" type="parTrans" cxnId="{5CAFD141-7F4E-4807-B915-2B25CF985025}">
      <dgm:prSet/>
      <dgm:spPr/>
      <dgm:t>
        <a:bodyPr/>
        <a:lstStyle/>
        <a:p>
          <a:endParaRPr lang="en-GB"/>
        </a:p>
      </dgm:t>
    </dgm:pt>
    <dgm:pt modelId="{22846C1F-73C6-4E2B-95DC-FC67022A23F8}" type="sibTrans" cxnId="{5CAFD141-7F4E-4807-B915-2B25CF985025}">
      <dgm:prSet/>
      <dgm:spPr/>
      <dgm:t>
        <a:bodyPr/>
        <a:lstStyle/>
        <a:p>
          <a:endParaRPr lang="en-GB"/>
        </a:p>
      </dgm:t>
    </dgm:pt>
    <dgm:pt modelId="{520C256E-7875-4122-ABA0-ACB560EFCE64}" type="pres">
      <dgm:prSet presAssocID="{6E0C682D-6FE3-4018-A173-90C5180115F9}" presName="outerComposite" presStyleCnt="0">
        <dgm:presLayoutVars>
          <dgm:chMax val="5"/>
          <dgm:dir/>
          <dgm:resizeHandles val="exact"/>
        </dgm:presLayoutVars>
      </dgm:prSet>
      <dgm:spPr/>
    </dgm:pt>
    <dgm:pt modelId="{51F5A8E1-0DAF-4195-A692-5AE168208615}" type="pres">
      <dgm:prSet presAssocID="{6E0C682D-6FE3-4018-A173-90C5180115F9}" presName="dummyMaxCanvas" presStyleCnt="0">
        <dgm:presLayoutVars/>
      </dgm:prSet>
      <dgm:spPr/>
    </dgm:pt>
    <dgm:pt modelId="{CD3DAE65-2F59-423E-896C-9BBFC032B74D}" type="pres">
      <dgm:prSet presAssocID="{6E0C682D-6FE3-4018-A173-90C5180115F9}" presName="FiveNodes_1" presStyleLbl="node1" presStyleIdx="0" presStyleCnt="5">
        <dgm:presLayoutVars>
          <dgm:bulletEnabled val="1"/>
        </dgm:presLayoutVars>
      </dgm:prSet>
      <dgm:spPr/>
    </dgm:pt>
    <dgm:pt modelId="{39521D9E-1D45-4B48-B79C-6FAC0672B946}" type="pres">
      <dgm:prSet presAssocID="{6E0C682D-6FE3-4018-A173-90C5180115F9}" presName="FiveNodes_2" presStyleLbl="node1" presStyleIdx="1" presStyleCnt="5">
        <dgm:presLayoutVars>
          <dgm:bulletEnabled val="1"/>
        </dgm:presLayoutVars>
      </dgm:prSet>
      <dgm:spPr/>
    </dgm:pt>
    <dgm:pt modelId="{44405887-50E8-4249-85F3-31DFBCA0C91F}" type="pres">
      <dgm:prSet presAssocID="{6E0C682D-6FE3-4018-A173-90C5180115F9}" presName="FiveNodes_3" presStyleLbl="node1" presStyleIdx="2" presStyleCnt="5">
        <dgm:presLayoutVars>
          <dgm:bulletEnabled val="1"/>
        </dgm:presLayoutVars>
      </dgm:prSet>
      <dgm:spPr/>
    </dgm:pt>
    <dgm:pt modelId="{418A8CD5-E538-4B4A-9B64-6A97F4F41EDB}" type="pres">
      <dgm:prSet presAssocID="{6E0C682D-6FE3-4018-A173-90C5180115F9}" presName="FiveNodes_4" presStyleLbl="node1" presStyleIdx="3" presStyleCnt="5">
        <dgm:presLayoutVars>
          <dgm:bulletEnabled val="1"/>
        </dgm:presLayoutVars>
      </dgm:prSet>
      <dgm:spPr/>
    </dgm:pt>
    <dgm:pt modelId="{28F93FDA-3554-432D-95FE-357F67E41AA7}" type="pres">
      <dgm:prSet presAssocID="{6E0C682D-6FE3-4018-A173-90C5180115F9}" presName="FiveNodes_5" presStyleLbl="node1" presStyleIdx="4" presStyleCnt="5">
        <dgm:presLayoutVars>
          <dgm:bulletEnabled val="1"/>
        </dgm:presLayoutVars>
      </dgm:prSet>
      <dgm:spPr/>
    </dgm:pt>
    <dgm:pt modelId="{3484D194-9FCE-491F-9E6E-2291CC315DFC}" type="pres">
      <dgm:prSet presAssocID="{6E0C682D-6FE3-4018-A173-90C5180115F9}" presName="FiveConn_1-2" presStyleLbl="fgAccFollowNode1" presStyleIdx="0" presStyleCnt="4">
        <dgm:presLayoutVars>
          <dgm:bulletEnabled val="1"/>
        </dgm:presLayoutVars>
      </dgm:prSet>
      <dgm:spPr/>
    </dgm:pt>
    <dgm:pt modelId="{2136302C-4011-48B8-951C-3E6F8734F73F}" type="pres">
      <dgm:prSet presAssocID="{6E0C682D-6FE3-4018-A173-90C5180115F9}" presName="FiveConn_2-3" presStyleLbl="fgAccFollowNode1" presStyleIdx="1" presStyleCnt="4">
        <dgm:presLayoutVars>
          <dgm:bulletEnabled val="1"/>
        </dgm:presLayoutVars>
      </dgm:prSet>
      <dgm:spPr/>
    </dgm:pt>
    <dgm:pt modelId="{3C31C720-56C0-422F-BC59-4CEC23674238}" type="pres">
      <dgm:prSet presAssocID="{6E0C682D-6FE3-4018-A173-90C5180115F9}" presName="FiveConn_3-4" presStyleLbl="fgAccFollowNode1" presStyleIdx="2" presStyleCnt="4">
        <dgm:presLayoutVars>
          <dgm:bulletEnabled val="1"/>
        </dgm:presLayoutVars>
      </dgm:prSet>
      <dgm:spPr/>
    </dgm:pt>
    <dgm:pt modelId="{210FD9C4-2BBB-4887-9EDC-531CDB961419}" type="pres">
      <dgm:prSet presAssocID="{6E0C682D-6FE3-4018-A173-90C5180115F9}" presName="FiveConn_4-5" presStyleLbl="fgAccFollowNode1" presStyleIdx="3" presStyleCnt="4">
        <dgm:presLayoutVars>
          <dgm:bulletEnabled val="1"/>
        </dgm:presLayoutVars>
      </dgm:prSet>
      <dgm:spPr/>
    </dgm:pt>
    <dgm:pt modelId="{E79DBB13-1065-4B61-BAD4-AA481339A3C7}" type="pres">
      <dgm:prSet presAssocID="{6E0C682D-6FE3-4018-A173-90C5180115F9}" presName="FiveNodes_1_text" presStyleLbl="node1" presStyleIdx="4" presStyleCnt="5">
        <dgm:presLayoutVars>
          <dgm:bulletEnabled val="1"/>
        </dgm:presLayoutVars>
      </dgm:prSet>
      <dgm:spPr/>
    </dgm:pt>
    <dgm:pt modelId="{0408DC85-2B0B-40A9-9511-93499C83E91D}" type="pres">
      <dgm:prSet presAssocID="{6E0C682D-6FE3-4018-A173-90C5180115F9}" presName="FiveNodes_2_text" presStyleLbl="node1" presStyleIdx="4" presStyleCnt="5">
        <dgm:presLayoutVars>
          <dgm:bulletEnabled val="1"/>
        </dgm:presLayoutVars>
      </dgm:prSet>
      <dgm:spPr/>
    </dgm:pt>
    <dgm:pt modelId="{4E00DF8C-2A82-4791-B4D3-EEBC661E12D8}" type="pres">
      <dgm:prSet presAssocID="{6E0C682D-6FE3-4018-A173-90C5180115F9}" presName="FiveNodes_3_text" presStyleLbl="node1" presStyleIdx="4" presStyleCnt="5">
        <dgm:presLayoutVars>
          <dgm:bulletEnabled val="1"/>
        </dgm:presLayoutVars>
      </dgm:prSet>
      <dgm:spPr/>
    </dgm:pt>
    <dgm:pt modelId="{06934E3D-48F1-44DF-B3B8-93506F69758F}" type="pres">
      <dgm:prSet presAssocID="{6E0C682D-6FE3-4018-A173-90C5180115F9}" presName="FiveNodes_4_text" presStyleLbl="node1" presStyleIdx="4" presStyleCnt="5">
        <dgm:presLayoutVars>
          <dgm:bulletEnabled val="1"/>
        </dgm:presLayoutVars>
      </dgm:prSet>
      <dgm:spPr/>
    </dgm:pt>
    <dgm:pt modelId="{8D7D9137-4A70-4FDA-8467-0E0354620D1F}" type="pres">
      <dgm:prSet presAssocID="{6E0C682D-6FE3-4018-A173-90C5180115F9}" presName="FiveNodes_5_text" presStyleLbl="node1" presStyleIdx="4" presStyleCnt="5">
        <dgm:presLayoutVars>
          <dgm:bulletEnabled val="1"/>
        </dgm:presLayoutVars>
      </dgm:prSet>
      <dgm:spPr/>
    </dgm:pt>
  </dgm:ptLst>
  <dgm:cxnLst>
    <dgm:cxn modelId="{FED7D40B-3F62-4EAC-9ED3-01B21D68415A}" type="presOf" srcId="{1D6A856F-72C6-4700-9400-DA70953F9061}" destId="{3484D194-9FCE-491F-9E6E-2291CC315DFC}" srcOrd="0" destOrd="0" presId="urn:microsoft.com/office/officeart/2005/8/layout/vProcess5"/>
    <dgm:cxn modelId="{BA961B0E-D923-43BA-A154-C313C95CA70C}" type="presOf" srcId="{0B432BE3-ACDA-4E6E-9502-42EBEF64AC70}" destId="{39521D9E-1D45-4B48-B79C-6FAC0672B946}" srcOrd="0" destOrd="0" presId="urn:microsoft.com/office/officeart/2005/8/layout/vProcess5"/>
    <dgm:cxn modelId="{32270114-7EA9-4E65-8821-2E30E09103FD}" type="presOf" srcId="{F5D6229B-9A11-4D82-8E03-C7EA378F95E0}" destId="{CD3DAE65-2F59-423E-896C-9BBFC032B74D}" srcOrd="0" destOrd="0" presId="urn:microsoft.com/office/officeart/2005/8/layout/vProcess5"/>
    <dgm:cxn modelId="{88E6CD1A-EE72-4DA5-83D3-DB2F3D15752F}" type="presOf" srcId="{8746E4E6-1BD9-4055-B353-C4094DC9C326}" destId="{8D7D9137-4A70-4FDA-8467-0E0354620D1F}" srcOrd="1" destOrd="0" presId="urn:microsoft.com/office/officeart/2005/8/layout/vProcess5"/>
    <dgm:cxn modelId="{ACE13421-3C5F-4A4C-8A00-62FAE93C8C6E}" type="presOf" srcId="{D91FE50F-25A1-43B0-A934-4A36C6EC81FE}" destId="{2136302C-4011-48B8-951C-3E6F8734F73F}" srcOrd="0" destOrd="0" presId="urn:microsoft.com/office/officeart/2005/8/layout/vProcess5"/>
    <dgm:cxn modelId="{CC1FF830-BB10-47E3-ADFD-6FBA50B569E1}" type="presOf" srcId="{E6B0BC36-D7B9-429D-B7A0-793BEE84730E}" destId="{3C31C720-56C0-422F-BC59-4CEC23674238}" srcOrd="0" destOrd="0" presId="urn:microsoft.com/office/officeart/2005/8/layout/vProcess5"/>
    <dgm:cxn modelId="{5CAFD141-7F4E-4807-B915-2B25CF985025}" srcId="{6E0C682D-6FE3-4018-A173-90C5180115F9}" destId="{78E4EE22-35DC-40EA-B2D3-C77879627B11}" srcOrd="5" destOrd="0" parTransId="{FACA3E2F-414C-422B-95B3-40B01B1B0AFC}" sibTransId="{22846C1F-73C6-4E2B-95DC-FC67022A23F8}"/>
    <dgm:cxn modelId="{455B9C65-EB7A-4CD6-A378-3D814557A69A}" type="presOf" srcId="{6FCF2B66-58E0-4315-A201-21F0981FDEA4}" destId="{4E00DF8C-2A82-4791-B4D3-EEBC661E12D8}" srcOrd="1" destOrd="0" presId="urn:microsoft.com/office/officeart/2005/8/layout/vProcess5"/>
    <dgm:cxn modelId="{E2745248-52B5-4A90-A8B0-D942441D5AE0}" type="presOf" srcId="{EBC56E32-3B68-49D1-9F2C-323F70158B50}" destId="{210FD9C4-2BBB-4887-9EDC-531CDB961419}" srcOrd="0" destOrd="0" presId="urn:microsoft.com/office/officeart/2005/8/layout/vProcess5"/>
    <dgm:cxn modelId="{D78CCD5A-B6FB-4F8A-93E6-D7FB79876CBB}" srcId="{6E0C682D-6FE3-4018-A173-90C5180115F9}" destId="{F5D6229B-9A11-4D82-8E03-C7EA378F95E0}" srcOrd="0" destOrd="0" parTransId="{C37C400C-848E-4F1A-9C60-5C19AFF0E907}" sibTransId="{1D6A856F-72C6-4700-9400-DA70953F9061}"/>
    <dgm:cxn modelId="{6067857B-8F32-4908-9773-F4BD40E63992}" type="presOf" srcId="{6E0C682D-6FE3-4018-A173-90C5180115F9}" destId="{520C256E-7875-4122-ABA0-ACB560EFCE64}" srcOrd="0" destOrd="0" presId="urn:microsoft.com/office/officeart/2005/8/layout/vProcess5"/>
    <dgm:cxn modelId="{C46A828F-A44F-41AC-8A6A-8C29E37D7B1F}" srcId="{6E0C682D-6FE3-4018-A173-90C5180115F9}" destId="{6FCF2B66-58E0-4315-A201-21F0981FDEA4}" srcOrd="2" destOrd="0" parTransId="{2B548100-5236-464B-9DFF-29021462A429}" sibTransId="{E6B0BC36-D7B9-429D-B7A0-793BEE84730E}"/>
    <dgm:cxn modelId="{1F4EA195-607E-442B-9D4F-6986C41F4031}" srcId="{6E0C682D-6FE3-4018-A173-90C5180115F9}" destId="{8746E4E6-1BD9-4055-B353-C4094DC9C326}" srcOrd="4" destOrd="0" parTransId="{70D7BADE-3778-4A85-A0B2-A61A2E1FB45A}" sibTransId="{D58592FA-6299-409C-B9ED-DF70DB950E39}"/>
    <dgm:cxn modelId="{93DA9E98-2957-4F44-8280-ACC85A5CDB24}" type="presOf" srcId="{0B432BE3-ACDA-4E6E-9502-42EBEF64AC70}" destId="{0408DC85-2B0B-40A9-9511-93499C83E91D}" srcOrd="1" destOrd="0" presId="urn:microsoft.com/office/officeart/2005/8/layout/vProcess5"/>
    <dgm:cxn modelId="{D9A65A9A-5683-41FE-BB86-896329839B06}" srcId="{6E0C682D-6FE3-4018-A173-90C5180115F9}" destId="{039642EC-36D0-4E10-B20F-290F9A6C3D7E}" srcOrd="6" destOrd="0" parTransId="{879B4C69-D862-416A-8796-A9D3DD3BB477}" sibTransId="{1448BC5C-FA59-4990-B430-F71155A7B208}"/>
    <dgm:cxn modelId="{633AC89C-A732-4652-9C49-D5A6E3309463}" type="presOf" srcId="{6FCF2B66-58E0-4315-A201-21F0981FDEA4}" destId="{44405887-50E8-4249-85F3-31DFBCA0C91F}" srcOrd="0" destOrd="0" presId="urn:microsoft.com/office/officeart/2005/8/layout/vProcess5"/>
    <dgm:cxn modelId="{50F48FA1-EFEE-43B8-8EA9-D0C4FEEC7DBA}" srcId="{6E0C682D-6FE3-4018-A173-90C5180115F9}" destId="{0F7AF269-74EE-4941-94D1-DFBA3A0C876A}" srcOrd="3" destOrd="0" parTransId="{6DA58FCB-5D32-44DC-92B4-173ED593B563}" sibTransId="{EBC56E32-3B68-49D1-9F2C-323F70158B50}"/>
    <dgm:cxn modelId="{1DAD10A5-7083-409A-A8C5-0C0A75FFC9CB}" type="presOf" srcId="{0F7AF269-74EE-4941-94D1-DFBA3A0C876A}" destId="{418A8CD5-E538-4B4A-9B64-6A97F4F41EDB}" srcOrd="0" destOrd="0" presId="urn:microsoft.com/office/officeart/2005/8/layout/vProcess5"/>
    <dgm:cxn modelId="{1036C3D5-05A6-4BC7-B5CF-2EBF71AF2F56}" type="presOf" srcId="{F5D6229B-9A11-4D82-8E03-C7EA378F95E0}" destId="{E79DBB13-1065-4B61-BAD4-AA481339A3C7}" srcOrd="1" destOrd="0" presId="urn:microsoft.com/office/officeart/2005/8/layout/vProcess5"/>
    <dgm:cxn modelId="{3DBBDFE9-4C64-44C1-A7FD-2A77E9160452}" srcId="{6E0C682D-6FE3-4018-A173-90C5180115F9}" destId="{0B432BE3-ACDA-4E6E-9502-42EBEF64AC70}" srcOrd="1" destOrd="0" parTransId="{091D5690-4055-44EC-AAB7-CE6DFBCED897}" sibTransId="{D91FE50F-25A1-43B0-A934-4A36C6EC81FE}"/>
    <dgm:cxn modelId="{0217D8F7-D387-42E5-8864-665BE083F7EF}" type="presOf" srcId="{8746E4E6-1BD9-4055-B353-C4094DC9C326}" destId="{28F93FDA-3554-432D-95FE-357F67E41AA7}" srcOrd="0" destOrd="0" presId="urn:microsoft.com/office/officeart/2005/8/layout/vProcess5"/>
    <dgm:cxn modelId="{1B3E9FFA-177F-426A-9AF1-9DC1EC82580A}" type="presOf" srcId="{0F7AF269-74EE-4941-94D1-DFBA3A0C876A}" destId="{06934E3D-48F1-44DF-B3B8-93506F69758F}" srcOrd="1" destOrd="0" presId="urn:microsoft.com/office/officeart/2005/8/layout/vProcess5"/>
    <dgm:cxn modelId="{C495B284-3C73-4DA5-8700-4654B4C50498}" type="presParOf" srcId="{520C256E-7875-4122-ABA0-ACB560EFCE64}" destId="{51F5A8E1-0DAF-4195-A692-5AE168208615}" srcOrd="0" destOrd="0" presId="urn:microsoft.com/office/officeart/2005/8/layout/vProcess5"/>
    <dgm:cxn modelId="{22C7B656-B6C5-4545-9D2F-3E6DBAAF46A7}" type="presParOf" srcId="{520C256E-7875-4122-ABA0-ACB560EFCE64}" destId="{CD3DAE65-2F59-423E-896C-9BBFC032B74D}" srcOrd="1" destOrd="0" presId="urn:microsoft.com/office/officeart/2005/8/layout/vProcess5"/>
    <dgm:cxn modelId="{E7270730-9B0A-413E-844E-EABCBC15064D}" type="presParOf" srcId="{520C256E-7875-4122-ABA0-ACB560EFCE64}" destId="{39521D9E-1D45-4B48-B79C-6FAC0672B946}" srcOrd="2" destOrd="0" presId="urn:microsoft.com/office/officeart/2005/8/layout/vProcess5"/>
    <dgm:cxn modelId="{5EA101C5-1A7C-48C2-8A8B-4D7A64D3F2E0}" type="presParOf" srcId="{520C256E-7875-4122-ABA0-ACB560EFCE64}" destId="{44405887-50E8-4249-85F3-31DFBCA0C91F}" srcOrd="3" destOrd="0" presId="urn:microsoft.com/office/officeart/2005/8/layout/vProcess5"/>
    <dgm:cxn modelId="{1AEEA74B-5A08-4264-A2CF-51E22F322461}" type="presParOf" srcId="{520C256E-7875-4122-ABA0-ACB560EFCE64}" destId="{418A8CD5-E538-4B4A-9B64-6A97F4F41EDB}" srcOrd="4" destOrd="0" presId="urn:microsoft.com/office/officeart/2005/8/layout/vProcess5"/>
    <dgm:cxn modelId="{51F1F14D-0476-4C8C-A62E-13F8675210CA}" type="presParOf" srcId="{520C256E-7875-4122-ABA0-ACB560EFCE64}" destId="{28F93FDA-3554-432D-95FE-357F67E41AA7}" srcOrd="5" destOrd="0" presId="urn:microsoft.com/office/officeart/2005/8/layout/vProcess5"/>
    <dgm:cxn modelId="{A67AB66D-5D06-4317-B3A0-C0D67ADED055}" type="presParOf" srcId="{520C256E-7875-4122-ABA0-ACB560EFCE64}" destId="{3484D194-9FCE-491F-9E6E-2291CC315DFC}" srcOrd="6" destOrd="0" presId="urn:microsoft.com/office/officeart/2005/8/layout/vProcess5"/>
    <dgm:cxn modelId="{02A3F92A-1076-4E89-94F2-D1F2CFE3003D}" type="presParOf" srcId="{520C256E-7875-4122-ABA0-ACB560EFCE64}" destId="{2136302C-4011-48B8-951C-3E6F8734F73F}" srcOrd="7" destOrd="0" presId="urn:microsoft.com/office/officeart/2005/8/layout/vProcess5"/>
    <dgm:cxn modelId="{9A7768D0-EA2C-4565-A41F-9DCC5E03811C}" type="presParOf" srcId="{520C256E-7875-4122-ABA0-ACB560EFCE64}" destId="{3C31C720-56C0-422F-BC59-4CEC23674238}" srcOrd="8" destOrd="0" presId="urn:microsoft.com/office/officeart/2005/8/layout/vProcess5"/>
    <dgm:cxn modelId="{074BBB89-2D0B-448B-AEFB-25C22A279538}" type="presParOf" srcId="{520C256E-7875-4122-ABA0-ACB560EFCE64}" destId="{210FD9C4-2BBB-4887-9EDC-531CDB961419}" srcOrd="9" destOrd="0" presId="urn:microsoft.com/office/officeart/2005/8/layout/vProcess5"/>
    <dgm:cxn modelId="{51F72963-EC0E-4A6B-A2B1-55F212B91D60}" type="presParOf" srcId="{520C256E-7875-4122-ABA0-ACB560EFCE64}" destId="{E79DBB13-1065-4B61-BAD4-AA481339A3C7}" srcOrd="10" destOrd="0" presId="urn:microsoft.com/office/officeart/2005/8/layout/vProcess5"/>
    <dgm:cxn modelId="{8479EEC0-3BD5-4FDD-8A8C-A44312D1D5D4}" type="presParOf" srcId="{520C256E-7875-4122-ABA0-ACB560EFCE64}" destId="{0408DC85-2B0B-40A9-9511-93499C83E91D}" srcOrd="11" destOrd="0" presId="urn:microsoft.com/office/officeart/2005/8/layout/vProcess5"/>
    <dgm:cxn modelId="{D41871F7-B9B5-4544-A3F8-3E4911A4266F}" type="presParOf" srcId="{520C256E-7875-4122-ABA0-ACB560EFCE64}" destId="{4E00DF8C-2A82-4791-B4D3-EEBC661E12D8}" srcOrd="12" destOrd="0" presId="urn:microsoft.com/office/officeart/2005/8/layout/vProcess5"/>
    <dgm:cxn modelId="{55C5AF47-BD9F-4E11-A466-C57568F393E1}" type="presParOf" srcId="{520C256E-7875-4122-ABA0-ACB560EFCE64}" destId="{06934E3D-48F1-44DF-B3B8-93506F69758F}" srcOrd="13" destOrd="0" presId="urn:microsoft.com/office/officeart/2005/8/layout/vProcess5"/>
    <dgm:cxn modelId="{255D8300-0DF3-447A-B43B-D7575BC57604}" type="presParOf" srcId="{520C256E-7875-4122-ABA0-ACB560EFCE64}" destId="{8D7D9137-4A70-4FDA-8467-0E0354620D1F}" srcOrd="14" destOrd="0" presId="urn:microsoft.com/office/officeart/2005/8/layout/vProcess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20518584-C3C6-426F-800D-9D107E780281}" type="doc">
      <dgm:prSet loTypeId="urn:microsoft.com/office/officeart/2018/2/layout/IconVerticalSolidList" loCatId="icon" qsTypeId="urn:microsoft.com/office/officeart/2005/8/quickstyle/simple1" qsCatId="simple" csTypeId="urn:microsoft.com/office/officeart/2005/8/colors/accent1_2" csCatId="accent1" phldr="1"/>
      <dgm:spPr/>
      <dgm:t>
        <a:bodyPr/>
        <a:lstStyle/>
        <a:p>
          <a:endParaRPr lang="en-US"/>
        </a:p>
      </dgm:t>
    </dgm:pt>
    <dgm:pt modelId="{1E73872C-94F6-4513-9A40-D81D5FC649ED}">
      <dgm:prSet/>
      <dgm:spPr/>
      <dgm:t>
        <a:bodyPr/>
        <a:lstStyle/>
        <a:p>
          <a:pPr>
            <a:lnSpc>
              <a:spcPct val="100000"/>
            </a:lnSpc>
          </a:pPr>
          <a:r>
            <a:rPr lang="en-GB" dirty="0"/>
            <a:t>Outgoing service provider may tell employees they are transferring, that they will no longer employ them from the transfer date, and they may have claims against new service provider if it continues to refuse to recognise TUPE applies</a:t>
          </a:r>
          <a:endParaRPr lang="en-US" dirty="0"/>
        </a:p>
      </dgm:t>
    </dgm:pt>
    <dgm:pt modelId="{401BB4B1-03A6-422B-9347-CBAAAC2D7BD7}" type="parTrans" cxnId="{EE854E55-583A-42A6-9E93-C3E0BEFCE664}">
      <dgm:prSet/>
      <dgm:spPr/>
      <dgm:t>
        <a:bodyPr/>
        <a:lstStyle/>
        <a:p>
          <a:endParaRPr lang="en-US"/>
        </a:p>
      </dgm:t>
    </dgm:pt>
    <dgm:pt modelId="{094DC99B-1FFB-4058-A577-0FE93D2895D0}" type="sibTrans" cxnId="{EE854E55-583A-42A6-9E93-C3E0BEFCE664}">
      <dgm:prSet/>
      <dgm:spPr/>
      <dgm:t>
        <a:bodyPr/>
        <a:lstStyle/>
        <a:p>
          <a:endParaRPr lang="en-US"/>
        </a:p>
      </dgm:t>
    </dgm:pt>
    <dgm:pt modelId="{5E703221-F2B1-427A-8574-25CBE00C0F3A}">
      <dgm:prSet/>
      <dgm:spPr/>
      <dgm:t>
        <a:bodyPr/>
        <a:lstStyle/>
        <a:p>
          <a:pPr>
            <a:lnSpc>
              <a:spcPct val="100000"/>
            </a:lnSpc>
          </a:pPr>
          <a:r>
            <a:rPr lang="en-GB" dirty="0"/>
            <a:t>Before refusing to recognise the transfer, new service provider needs to be very sure of its legal position that TUPE does not apply</a:t>
          </a:r>
          <a:endParaRPr lang="en-US" dirty="0"/>
        </a:p>
      </dgm:t>
    </dgm:pt>
    <dgm:pt modelId="{73974FB3-7224-4ADC-AE36-F82A63E9EE03}" type="parTrans" cxnId="{3173EB8B-9F88-43D7-AF3C-228FBD656AE7}">
      <dgm:prSet/>
      <dgm:spPr/>
      <dgm:t>
        <a:bodyPr/>
        <a:lstStyle/>
        <a:p>
          <a:endParaRPr lang="en-US"/>
        </a:p>
      </dgm:t>
    </dgm:pt>
    <dgm:pt modelId="{D4CD8861-A51A-4857-A463-0EA2BACD76BA}" type="sibTrans" cxnId="{3173EB8B-9F88-43D7-AF3C-228FBD656AE7}">
      <dgm:prSet/>
      <dgm:spPr/>
      <dgm:t>
        <a:bodyPr/>
        <a:lstStyle/>
        <a:p>
          <a:endParaRPr lang="en-US"/>
        </a:p>
      </dgm:t>
    </dgm:pt>
    <dgm:pt modelId="{C88F50F5-78E5-4C43-B190-3103C0D1348B}">
      <dgm:prSet/>
      <dgm:spPr/>
      <dgm:t>
        <a:bodyPr/>
        <a:lstStyle/>
        <a:p>
          <a:pPr>
            <a:lnSpc>
              <a:spcPct val="100000"/>
            </a:lnSpc>
          </a:pPr>
          <a:r>
            <a:rPr lang="en-GB" dirty="0"/>
            <a:t>New service provider may try to negotiate commercial indemnification from the client for TUPE claims arising from employees</a:t>
          </a:r>
          <a:endParaRPr lang="en-US" dirty="0"/>
        </a:p>
      </dgm:t>
    </dgm:pt>
    <dgm:pt modelId="{7224D13B-4293-4F68-A7CE-65541BB74606}" type="parTrans" cxnId="{8649543E-3627-47BE-BADD-0D325FF2242D}">
      <dgm:prSet/>
      <dgm:spPr/>
      <dgm:t>
        <a:bodyPr/>
        <a:lstStyle/>
        <a:p>
          <a:endParaRPr lang="en-US"/>
        </a:p>
      </dgm:t>
    </dgm:pt>
    <dgm:pt modelId="{102EAFE2-D994-4628-A0F6-3FD9EB2187DF}" type="sibTrans" cxnId="{8649543E-3627-47BE-BADD-0D325FF2242D}">
      <dgm:prSet/>
      <dgm:spPr/>
      <dgm:t>
        <a:bodyPr/>
        <a:lstStyle/>
        <a:p>
          <a:endParaRPr lang="en-US"/>
        </a:p>
      </dgm:t>
    </dgm:pt>
    <dgm:pt modelId="{59B84D5F-0948-4625-AA4F-6DC6C89AF2C7}" type="pres">
      <dgm:prSet presAssocID="{20518584-C3C6-426F-800D-9D107E780281}" presName="root" presStyleCnt="0">
        <dgm:presLayoutVars>
          <dgm:dir/>
          <dgm:resizeHandles val="exact"/>
        </dgm:presLayoutVars>
      </dgm:prSet>
      <dgm:spPr/>
    </dgm:pt>
    <dgm:pt modelId="{5DC539E1-7CCF-4C69-9F58-F72EA31FB021}" type="pres">
      <dgm:prSet presAssocID="{1E73872C-94F6-4513-9A40-D81D5FC649ED}" presName="compNode" presStyleCnt="0"/>
      <dgm:spPr/>
    </dgm:pt>
    <dgm:pt modelId="{CE0278DD-D9F0-4C15-A911-DCC9BA4AA4C2}" type="pres">
      <dgm:prSet presAssocID="{1E73872C-94F6-4513-9A40-D81D5FC649ED}" presName="bgRect" presStyleLbl="bgShp" presStyleIdx="0" presStyleCnt="3"/>
      <dgm:spPr/>
    </dgm:pt>
    <dgm:pt modelId="{F6C351C7-CD13-4CEE-8292-CA72639B2A12}" type="pres">
      <dgm:prSet presAssocID="{1E73872C-94F6-4513-9A40-D81D5FC649ED}"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Envelope"/>
        </a:ext>
      </dgm:extLst>
    </dgm:pt>
    <dgm:pt modelId="{D9CBCA35-86B6-4408-86FF-30DA6C9563A5}" type="pres">
      <dgm:prSet presAssocID="{1E73872C-94F6-4513-9A40-D81D5FC649ED}" presName="spaceRect" presStyleCnt="0"/>
      <dgm:spPr/>
    </dgm:pt>
    <dgm:pt modelId="{425B0E77-C251-4D46-B248-7734139F4A13}" type="pres">
      <dgm:prSet presAssocID="{1E73872C-94F6-4513-9A40-D81D5FC649ED}" presName="parTx" presStyleLbl="revTx" presStyleIdx="0" presStyleCnt="3">
        <dgm:presLayoutVars>
          <dgm:chMax val="0"/>
          <dgm:chPref val="0"/>
        </dgm:presLayoutVars>
      </dgm:prSet>
      <dgm:spPr/>
    </dgm:pt>
    <dgm:pt modelId="{31C9C269-3550-4897-953E-581B722BA896}" type="pres">
      <dgm:prSet presAssocID="{094DC99B-1FFB-4058-A577-0FE93D2895D0}" presName="sibTrans" presStyleCnt="0"/>
      <dgm:spPr/>
    </dgm:pt>
    <dgm:pt modelId="{746AEA41-4ED3-4EAB-858B-4AEC8EEA9731}" type="pres">
      <dgm:prSet presAssocID="{5E703221-F2B1-427A-8574-25CBE00C0F3A}" presName="compNode" presStyleCnt="0"/>
      <dgm:spPr/>
    </dgm:pt>
    <dgm:pt modelId="{E4327D11-CFE0-4CAB-BFD1-66AEF96C2865}" type="pres">
      <dgm:prSet presAssocID="{5E703221-F2B1-427A-8574-25CBE00C0F3A}" presName="bgRect" presStyleLbl="bgShp" presStyleIdx="1" presStyleCnt="3"/>
      <dgm:spPr/>
    </dgm:pt>
    <dgm:pt modelId="{576A500B-1C74-470B-AA73-7326D9B92B3F}" type="pres">
      <dgm:prSet presAssocID="{5E703221-F2B1-427A-8574-25CBE00C0F3A}"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Gavel"/>
        </a:ext>
      </dgm:extLst>
    </dgm:pt>
    <dgm:pt modelId="{19841D54-BCC7-4D83-9677-2514E6CE0C01}" type="pres">
      <dgm:prSet presAssocID="{5E703221-F2B1-427A-8574-25CBE00C0F3A}" presName="spaceRect" presStyleCnt="0"/>
      <dgm:spPr/>
    </dgm:pt>
    <dgm:pt modelId="{5DC9E7F2-FD02-455A-8184-0F0B9DA66A2F}" type="pres">
      <dgm:prSet presAssocID="{5E703221-F2B1-427A-8574-25CBE00C0F3A}" presName="parTx" presStyleLbl="revTx" presStyleIdx="1" presStyleCnt="3">
        <dgm:presLayoutVars>
          <dgm:chMax val="0"/>
          <dgm:chPref val="0"/>
        </dgm:presLayoutVars>
      </dgm:prSet>
      <dgm:spPr/>
    </dgm:pt>
    <dgm:pt modelId="{972F8C73-2A77-41B6-95A0-1A6CFE6863F2}" type="pres">
      <dgm:prSet presAssocID="{D4CD8861-A51A-4857-A463-0EA2BACD76BA}" presName="sibTrans" presStyleCnt="0"/>
      <dgm:spPr/>
    </dgm:pt>
    <dgm:pt modelId="{6120D202-A5ED-437C-9BC7-AB530620D627}" type="pres">
      <dgm:prSet presAssocID="{C88F50F5-78E5-4C43-B190-3103C0D1348B}" presName="compNode" presStyleCnt="0"/>
      <dgm:spPr/>
    </dgm:pt>
    <dgm:pt modelId="{6A6A2BE2-6B70-4674-8B5D-BA3A9D19BE2E}" type="pres">
      <dgm:prSet presAssocID="{C88F50F5-78E5-4C43-B190-3103C0D1348B}" presName="bgRect" presStyleLbl="bgShp" presStyleIdx="2" presStyleCnt="3"/>
      <dgm:spPr/>
    </dgm:pt>
    <dgm:pt modelId="{31B4D501-EEE9-4EC9-9E8C-429042D21FBB}" type="pres">
      <dgm:prSet presAssocID="{C88F50F5-78E5-4C43-B190-3103C0D1348B}"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Office Worker"/>
        </a:ext>
      </dgm:extLst>
    </dgm:pt>
    <dgm:pt modelId="{319B21C5-F525-4C67-B722-EF1F173A534B}" type="pres">
      <dgm:prSet presAssocID="{C88F50F5-78E5-4C43-B190-3103C0D1348B}" presName="spaceRect" presStyleCnt="0"/>
      <dgm:spPr/>
    </dgm:pt>
    <dgm:pt modelId="{FFED4A21-5E59-4526-9BF4-526CDF897C41}" type="pres">
      <dgm:prSet presAssocID="{C88F50F5-78E5-4C43-B190-3103C0D1348B}" presName="parTx" presStyleLbl="revTx" presStyleIdx="2" presStyleCnt="3">
        <dgm:presLayoutVars>
          <dgm:chMax val="0"/>
          <dgm:chPref val="0"/>
        </dgm:presLayoutVars>
      </dgm:prSet>
      <dgm:spPr/>
    </dgm:pt>
  </dgm:ptLst>
  <dgm:cxnLst>
    <dgm:cxn modelId="{721A1024-1F4D-4F28-907B-EB5345EEF1AA}" type="presOf" srcId="{20518584-C3C6-426F-800D-9D107E780281}" destId="{59B84D5F-0948-4625-AA4F-6DC6C89AF2C7}" srcOrd="0" destOrd="0" presId="urn:microsoft.com/office/officeart/2018/2/layout/IconVerticalSolidList"/>
    <dgm:cxn modelId="{8649543E-3627-47BE-BADD-0D325FF2242D}" srcId="{20518584-C3C6-426F-800D-9D107E780281}" destId="{C88F50F5-78E5-4C43-B190-3103C0D1348B}" srcOrd="2" destOrd="0" parTransId="{7224D13B-4293-4F68-A7CE-65541BB74606}" sibTransId="{102EAFE2-D994-4628-A0F6-3FD9EB2187DF}"/>
    <dgm:cxn modelId="{EE854E55-583A-42A6-9E93-C3E0BEFCE664}" srcId="{20518584-C3C6-426F-800D-9D107E780281}" destId="{1E73872C-94F6-4513-9A40-D81D5FC649ED}" srcOrd="0" destOrd="0" parTransId="{401BB4B1-03A6-422B-9347-CBAAAC2D7BD7}" sibTransId="{094DC99B-1FFB-4058-A577-0FE93D2895D0}"/>
    <dgm:cxn modelId="{B6CEA67E-7DFB-4689-A36F-A4DC512A17A1}" type="presOf" srcId="{C88F50F5-78E5-4C43-B190-3103C0D1348B}" destId="{FFED4A21-5E59-4526-9BF4-526CDF897C41}" srcOrd="0" destOrd="0" presId="urn:microsoft.com/office/officeart/2018/2/layout/IconVerticalSolidList"/>
    <dgm:cxn modelId="{3173EB8B-9F88-43D7-AF3C-228FBD656AE7}" srcId="{20518584-C3C6-426F-800D-9D107E780281}" destId="{5E703221-F2B1-427A-8574-25CBE00C0F3A}" srcOrd="1" destOrd="0" parTransId="{73974FB3-7224-4ADC-AE36-F82A63E9EE03}" sibTransId="{D4CD8861-A51A-4857-A463-0EA2BACD76BA}"/>
    <dgm:cxn modelId="{9C1C0DB4-F218-4218-B978-5C3076D26FB9}" type="presOf" srcId="{5E703221-F2B1-427A-8574-25CBE00C0F3A}" destId="{5DC9E7F2-FD02-455A-8184-0F0B9DA66A2F}" srcOrd="0" destOrd="0" presId="urn:microsoft.com/office/officeart/2018/2/layout/IconVerticalSolidList"/>
    <dgm:cxn modelId="{ABD39FDF-BB64-45F3-A24A-8356748DBD4A}" type="presOf" srcId="{1E73872C-94F6-4513-9A40-D81D5FC649ED}" destId="{425B0E77-C251-4D46-B248-7734139F4A13}" srcOrd="0" destOrd="0" presId="urn:microsoft.com/office/officeart/2018/2/layout/IconVerticalSolidList"/>
    <dgm:cxn modelId="{5794CA4B-CDE4-4F83-AF7E-47957B7B5114}" type="presParOf" srcId="{59B84D5F-0948-4625-AA4F-6DC6C89AF2C7}" destId="{5DC539E1-7CCF-4C69-9F58-F72EA31FB021}" srcOrd="0" destOrd="0" presId="urn:microsoft.com/office/officeart/2018/2/layout/IconVerticalSolidList"/>
    <dgm:cxn modelId="{8D2D6CF6-2F13-48D3-9F1F-750066F1E6A4}" type="presParOf" srcId="{5DC539E1-7CCF-4C69-9F58-F72EA31FB021}" destId="{CE0278DD-D9F0-4C15-A911-DCC9BA4AA4C2}" srcOrd="0" destOrd="0" presId="urn:microsoft.com/office/officeart/2018/2/layout/IconVerticalSolidList"/>
    <dgm:cxn modelId="{E4682E61-230F-44FA-BCC5-F20551D832D6}" type="presParOf" srcId="{5DC539E1-7CCF-4C69-9F58-F72EA31FB021}" destId="{F6C351C7-CD13-4CEE-8292-CA72639B2A12}" srcOrd="1" destOrd="0" presId="urn:microsoft.com/office/officeart/2018/2/layout/IconVerticalSolidList"/>
    <dgm:cxn modelId="{E00AEDCC-F737-4B67-8308-B8950086CA02}" type="presParOf" srcId="{5DC539E1-7CCF-4C69-9F58-F72EA31FB021}" destId="{D9CBCA35-86B6-4408-86FF-30DA6C9563A5}" srcOrd="2" destOrd="0" presId="urn:microsoft.com/office/officeart/2018/2/layout/IconVerticalSolidList"/>
    <dgm:cxn modelId="{9073CA61-CE11-4644-B6C6-C16318C4ABF5}" type="presParOf" srcId="{5DC539E1-7CCF-4C69-9F58-F72EA31FB021}" destId="{425B0E77-C251-4D46-B248-7734139F4A13}" srcOrd="3" destOrd="0" presId="urn:microsoft.com/office/officeart/2018/2/layout/IconVerticalSolidList"/>
    <dgm:cxn modelId="{FEFA4EFF-FF57-495E-BF52-03A8F83DAFAF}" type="presParOf" srcId="{59B84D5F-0948-4625-AA4F-6DC6C89AF2C7}" destId="{31C9C269-3550-4897-953E-581B722BA896}" srcOrd="1" destOrd="0" presId="urn:microsoft.com/office/officeart/2018/2/layout/IconVerticalSolidList"/>
    <dgm:cxn modelId="{8C964015-4278-4CB7-BC64-69E322BBA334}" type="presParOf" srcId="{59B84D5F-0948-4625-AA4F-6DC6C89AF2C7}" destId="{746AEA41-4ED3-4EAB-858B-4AEC8EEA9731}" srcOrd="2" destOrd="0" presId="urn:microsoft.com/office/officeart/2018/2/layout/IconVerticalSolidList"/>
    <dgm:cxn modelId="{77AACA5F-E958-4C1E-A732-BCAFDA3D38D8}" type="presParOf" srcId="{746AEA41-4ED3-4EAB-858B-4AEC8EEA9731}" destId="{E4327D11-CFE0-4CAB-BFD1-66AEF96C2865}" srcOrd="0" destOrd="0" presId="urn:microsoft.com/office/officeart/2018/2/layout/IconVerticalSolidList"/>
    <dgm:cxn modelId="{0FE3CF40-E3BF-4F2D-8E2B-DEABC039B4FB}" type="presParOf" srcId="{746AEA41-4ED3-4EAB-858B-4AEC8EEA9731}" destId="{576A500B-1C74-470B-AA73-7326D9B92B3F}" srcOrd="1" destOrd="0" presId="urn:microsoft.com/office/officeart/2018/2/layout/IconVerticalSolidList"/>
    <dgm:cxn modelId="{45F5CAAA-1497-4418-9A5A-05757A8D1618}" type="presParOf" srcId="{746AEA41-4ED3-4EAB-858B-4AEC8EEA9731}" destId="{19841D54-BCC7-4D83-9677-2514E6CE0C01}" srcOrd="2" destOrd="0" presId="urn:microsoft.com/office/officeart/2018/2/layout/IconVerticalSolidList"/>
    <dgm:cxn modelId="{0DA2FDC4-2EDC-4C51-9D21-51AE923F1AA9}" type="presParOf" srcId="{746AEA41-4ED3-4EAB-858B-4AEC8EEA9731}" destId="{5DC9E7F2-FD02-455A-8184-0F0B9DA66A2F}" srcOrd="3" destOrd="0" presId="urn:microsoft.com/office/officeart/2018/2/layout/IconVerticalSolidList"/>
    <dgm:cxn modelId="{D4D30A17-F445-490A-8A0E-15202A3EC03D}" type="presParOf" srcId="{59B84D5F-0948-4625-AA4F-6DC6C89AF2C7}" destId="{972F8C73-2A77-41B6-95A0-1A6CFE6863F2}" srcOrd="3" destOrd="0" presId="urn:microsoft.com/office/officeart/2018/2/layout/IconVerticalSolidList"/>
    <dgm:cxn modelId="{908232BA-5A3E-4BC9-A2C4-FF0E8BF464FA}" type="presParOf" srcId="{59B84D5F-0948-4625-AA4F-6DC6C89AF2C7}" destId="{6120D202-A5ED-437C-9BC7-AB530620D627}" srcOrd="4" destOrd="0" presId="urn:microsoft.com/office/officeart/2018/2/layout/IconVerticalSolidList"/>
    <dgm:cxn modelId="{02940056-0F5E-4337-9770-E7CA227501F8}" type="presParOf" srcId="{6120D202-A5ED-437C-9BC7-AB530620D627}" destId="{6A6A2BE2-6B70-4674-8B5D-BA3A9D19BE2E}" srcOrd="0" destOrd="0" presId="urn:microsoft.com/office/officeart/2018/2/layout/IconVerticalSolidList"/>
    <dgm:cxn modelId="{18F27F10-24E3-4579-8C39-3952EF5A5D05}" type="presParOf" srcId="{6120D202-A5ED-437C-9BC7-AB530620D627}" destId="{31B4D501-EEE9-4EC9-9E8C-429042D21FBB}" srcOrd="1" destOrd="0" presId="urn:microsoft.com/office/officeart/2018/2/layout/IconVerticalSolidList"/>
    <dgm:cxn modelId="{34E2405A-D8EA-4DD7-ABCB-F7E89F08E86E}" type="presParOf" srcId="{6120D202-A5ED-437C-9BC7-AB530620D627}" destId="{319B21C5-F525-4C67-B722-EF1F173A534B}" srcOrd="2" destOrd="0" presId="urn:microsoft.com/office/officeart/2018/2/layout/IconVerticalSolidList"/>
    <dgm:cxn modelId="{49CC3BF0-00FF-437C-A3B6-2233DC7BE5DE}" type="presParOf" srcId="{6120D202-A5ED-437C-9BC7-AB530620D627}" destId="{FFED4A21-5E59-4526-9BF4-526CDF897C41}"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AC88E7C0-BDF0-4659-8C5C-F857DEF6F4C7}"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531B5579-FC94-4C52-BFE2-4B9FF4E22E13}">
      <dgm:prSet/>
      <dgm:spPr/>
      <dgm:t>
        <a:bodyPr/>
        <a:lstStyle/>
        <a:p>
          <a:r>
            <a:rPr lang="en-GB" dirty="0"/>
            <a:t>Outgoing service provider may tell an employee they are assigned and transferring</a:t>
          </a:r>
          <a:endParaRPr lang="en-US" dirty="0"/>
        </a:p>
      </dgm:t>
    </dgm:pt>
    <dgm:pt modelId="{CDCD3F85-7374-42E4-AEB4-7FE5812304C7}" type="parTrans" cxnId="{3C76C520-58B9-4C12-B0C3-20E448C8959D}">
      <dgm:prSet/>
      <dgm:spPr/>
      <dgm:t>
        <a:bodyPr/>
        <a:lstStyle/>
        <a:p>
          <a:endParaRPr lang="en-US"/>
        </a:p>
      </dgm:t>
    </dgm:pt>
    <dgm:pt modelId="{80203730-00C5-48B7-A06A-00F89952B1BB}" type="sibTrans" cxnId="{3C76C520-58B9-4C12-B0C3-20E448C8959D}">
      <dgm:prSet/>
      <dgm:spPr/>
      <dgm:t>
        <a:bodyPr/>
        <a:lstStyle/>
        <a:p>
          <a:endParaRPr lang="en-US"/>
        </a:p>
      </dgm:t>
    </dgm:pt>
    <dgm:pt modelId="{2BD6272D-F4C1-4528-81F5-AF813491569C}">
      <dgm:prSet/>
      <dgm:spPr/>
      <dgm:t>
        <a:bodyPr/>
        <a:lstStyle/>
        <a:p>
          <a:r>
            <a:rPr lang="en-GB" dirty="0"/>
            <a:t>New service provider may have access to limited information from outgoing service provider to evidence whether the employee is assigned and has a right to transfer</a:t>
          </a:r>
          <a:endParaRPr lang="en-US" dirty="0"/>
        </a:p>
      </dgm:t>
    </dgm:pt>
    <dgm:pt modelId="{861A5AFD-2590-4637-95E8-AFD3E50635C6}" type="parTrans" cxnId="{4617E6E1-2E89-477D-8335-D5A6F9DBDAAD}">
      <dgm:prSet/>
      <dgm:spPr/>
      <dgm:t>
        <a:bodyPr/>
        <a:lstStyle/>
        <a:p>
          <a:endParaRPr lang="en-US"/>
        </a:p>
      </dgm:t>
    </dgm:pt>
    <dgm:pt modelId="{4D3F5AA0-0651-4D64-A41C-68F455680C59}" type="sibTrans" cxnId="{4617E6E1-2E89-477D-8335-D5A6F9DBDAAD}">
      <dgm:prSet/>
      <dgm:spPr/>
      <dgm:t>
        <a:bodyPr/>
        <a:lstStyle/>
        <a:p>
          <a:endParaRPr lang="en-US"/>
        </a:p>
      </dgm:t>
    </dgm:pt>
    <dgm:pt modelId="{FF6A6D0A-8D4A-4D4C-936D-987EB51F1A2A}">
      <dgm:prSet/>
      <dgm:spPr/>
      <dgm:t>
        <a:bodyPr/>
        <a:lstStyle/>
        <a:p>
          <a:r>
            <a:rPr lang="en-GB" dirty="0"/>
            <a:t>New service provider may take a pragmatic approach and accept the employee but engage in post-transfer discussions with the employee around their role</a:t>
          </a:r>
          <a:endParaRPr lang="en-US" dirty="0"/>
        </a:p>
      </dgm:t>
    </dgm:pt>
    <dgm:pt modelId="{AF03B449-B4B5-4131-A281-A09EAAA04D42}" type="parTrans" cxnId="{C95D76E9-4F84-4F67-AAA7-51C43DAAA309}">
      <dgm:prSet/>
      <dgm:spPr/>
      <dgm:t>
        <a:bodyPr/>
        <a:lstStyle/>
        <a:p>
          <a:endParaRPr lang="en-US"/>
        </a:p>
      </dgm:t>
    </dgm:pt>
    <dgm:pt modelId="{DCBF23D5-33C3-439E-A875-993216440976}" type="sibTrans" cxnId="{C95D76E9-4F84-4F67-AAA7-51C43DAAA309}">
      <dgm:prSet/>
      <dgm:spPr/>
      <dgm:t>
        <a:bodyPr/>
        <a:lstStyle/>
        <a:p>
          <a:endParaRPr lang="en-US"/>
        </a:p>
      </dgm:t>
    </dgm:pt>
    <dgm:pt modelId="{27244DF9-165F-41D7-9A61-BD54B961A9E9}">
      <dgm:prSet/>
      <dgm:spPr/>
      <dgm:t>
        <a:bodyPr/>
        <a:lstStyle/>
        <a:p>
          <a:r>
            <a:rPr lang="en-GB" dirty="0"/>
            <a:t>If new service provider suspects “lemon-dropping”, may have commercial protection from client allowing them to dismiss and reclaim any costs and liabilities from the client</a:t>
          </a:r>
          <a:endParaRPr lang="en-US" dirty="0"/>
        </a:p>
      </dgm:t>
    </dgm:pt>
    <dgm:pt modelId="{56509139-7604-4D62-8166-B02EE3B182D3}" type="parTrans" cxnId="{E6CD8B96-EB7C-457C-8B02-03B301665BAF}">
      <dgm:prSet/>
      <dgm:spPr/>
      <dgm:t>
        <a:bodyPr/>
        <a:lstStyle/>
        <a:p>
          <a:endParaRPr lang="en-US"/>
        </a:p>
      </dgm:t>
    </dgm:pt>
    <dgm:pt modelId="{17444CF5-7282-489A-9365-45049E773A50}" type="sibTrans" cxnId="{E6CD8B96-EB7C-457C-8B02-03B301665BAF}">
      <dgm:prSet/>
      <dgm:spPr/>
      <dgm:t>
        <a:bodyPr/>
        <a:lstStyle/>
        <a:p>
          <a:endParaRPr lang="en-US"/>
        </a:p>
      </dgm:t>
    </dgm:pt>
    <dgm:pt modelId="{C9C92E1C-2FCE-4177-9AD5-A66E2B280D31}">
      <dgm:prSet/>
      <dgm:spPr/>
      <dgm:t>
        <a:bodyPr/>
        <a:lstStyle/>
        <a:p>
          <a:r>
            <a:rPr lang="en-GB"/>
            <a:t>If new service provider suspects “cherry-picking” of key staff, may ask client to exert commercial pressure on outgoing service provider or try to engage with the key staff directly  </a:t>
          </a:r>
          <a:endParaRPr lang="en-US"/>
        </a:p>
      </dgm:t>
    </dgm:pt>
    <dgm:pt modelId="{A2522E4C-AC12-4116-B0E2-490052B56979}" type="parTrans" cxnId="{12F3660D-9305-44A2-9DE8-1C3244022A76}">
      <dgm:prSet/>
      <dgm:spPr/>
      <dgm:t>
        <a:bodyPr/>
        <a:lstStyle/>
        <a:p>
          <a:endParaRPr lang="en-US"/>
        </a:p>
      </dgm:t>
    </dgm:pt>
    <dgm:pt modelId="{0570ACDE-BA6F-4637-BB38-F8C216661AB4}" type="sibTrans" cxnId="{12F3660D-9305-44A2-9DE8-1C3244022A76}">
      <dgm:prSet/>
      <dgm:spPr/>
      <dgm:t>
        <a:bodyPr/>
        <a:lstStyle/>
        <a:p>
          <a:endParaRPr lang="en-US"/>
        </a:p>
      </dgm:t>
    </dgm:pt>
    <dgm:pt modelId="{4FBB2D3E-8611-4099-8B89-B69AA60FB8BE}" type="pres">
      <dgm:prSet presAssocID="{AC88E7C0-BDF0-4659-8C5C-F857DEF6F4C7}" presName="root" presStyleCnt="0">
        <dgm:presLayoutVars>
          <dgm:dir/>
          <dgm:resizeHandles val="exact"/>
        </dgm:presLayoutVars>
      </dgm:prSet>
      <dgm:spPr/>
    </dgm:pt>
    <dgm:pt modelId="{6B9100D6-BCF6-4965-9714-E51E29405D94}" type="pres">
      <dgm:prSet presAssocID="{531B5579-FC94-4C52-BFE2-4B9FF4E22E13}" presName="compNode" presStyleCnt="0"/>
      <dgm:spPr/>
    </dgm:pt>
    <dgm:pt modelId="{5CD811A0-9019-49ED-BF7C-5E980FEF57FB}" type="pres">
      <dgm:prSet presAssocID="{531B5579-FC94-4C52-BFE2-4B9FF4E22E13}" presName="bgRect" presStyleLbl="bgShp" presStyleIdx="0" presStyleCnt="5"/>
      <dgm:spPr/>
    </dgm:pt>
    <dgm:pt modelId="{50126411-68C4-4989-BFAE-76C6124F60FA}" type="pres">
      <dgm:prSet presAssocID="{531B5579-FC94-4C52-BFE2-4B9FF4E22E13}" presName="iconRect" presStyleLbl="node1" presStyleIdx="0" presStyleCnt="5"/>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Share With Person"/>
        </a:ext>
      </dgm:extLst>
    </dgm:pt>
    <dgm:pt modelId="{1DFF67EF-4CEA-4926-BE5F-D3BE785FC329}" type="pres">
      <dgm:prSet presAssocID="{531B5579-FC94-4C52-BFE2-4B9FF4E22E13}" presName="spaceRect" presStyleCnt="0"/>
      <dgm:spPr/>
    </dgm:pt>
    <dgm:pt modelId="{1077B297-0A11-4250-87FC-8ACE5E8C38EF}" type="pres">
      <dgm:prSet presAssocID="{531B5579-FC94-4C52-BFE2-4B9FF4E22E13}" presName="parTx" presStyleLbl="revTx" presStyleIdx="0" presStyleCnt="5">
        <dgm:presLayoutVars>
          <dgm:chMax val="0"/>
          <dgm:chPref val="0"/>
        </dgm:presLayoutVars>
      </dgm:prSet>
      <dgm:spPr/>
    </dgm:pt>
    <dgm:pt modelId="{C97ED003-2496-4BA8-9420-412B06B7BD66}" type="pres">
      <dgm:prSet presAssocID="{80203730-00C5-48B7-A06A-00F89952B1BB}" presName="sibTrans" presStyleCnt="0"/>
      <dgm:spPr/>
    </dgm:pt>
    <dgm:pt modelId="{980A4607-3DE2-467B-B336-6441044B0585}" type="pres">
      <dgm:prSet presAssocID="{2BD6272D-F4C1-4528-81F5-AF813491569C}" presName="compNode" presStyleCnt="0"/>
      <dgm:spPr/>
    </dgm:pt>
    <dgm:pt modelId="{97417765-5B8B-4160-934B-430A360255B3}" type="pres">
      <dgm:prSet presAssocID="{2BD6272D-F4C1-4528-81F5-AF813491569C}" presName="bgRect" presStyleLbl="bgShp" presStyleIdx="1" presStyleCnt="5"/>
      <dgm:spPr/>
    </dgm:pt>
    <dgm:pt modelId="{9860206E-D110-4A61-AA7E-CCF7CFA5CE0C}" type="pres">
      <dgm:prSet presAssocID="{2BD6272D-F4C1-4528-81F5-AF813491569C}" presName="iconRect" presStyleLbl="node1" presStyleIdx="1" presStyleCnt="5"/>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Doctor"/>
        </a:ext>
      </dgm:extLst>
    </dgm:pt>
    <dgm:pt modelId="{42375B82-CC4D-44A3-9A40-29EE4D77B8B5}" type="pres">
      <dgm:prSet presAssocID="{2BD6272D-F4C1-4528-81F5-AF813491569C}" presName="spaceRect" presStyleCnt="0"/>
      <dgm:spPr/>
    </dgm:pt>
    <dgm:pt modelId="{596E6568-F7C0-4595-995C-741D5A8AFF61}" type="pres">
      <dgm:prSet presAssocID="{2BD6272D-F4C1-4528-81F5-AF813491569C}" presName="parTx" presStyleLbl="revTx" presStyleIdx="1" presStyleCnt="5">
        <dgm:presLayoutVars>
          <dgm:chMax val="0"/>
          <dgm:chPref val="0"/>
        </dgm:presLayoutVars>
      </dgm:prSet>
      <dgm:spPr/>
    </dgm:pt>
    <dgm:pt modelId="{8619F5C4-0915-48E4-B4C8-08F8462D39B7}" type="pres">
      <dgm:prSet presAssocID="{4D3F5AA0-0651-4D64-A41C-68F455680C59}" presName="sibTrans" presStyleCnt="0"/>
      <dgm:spPr/>
    </dgm:pt>
    <dgm:pt modelId="{E7B58BF2-3D3C-4568-AC4F-02D248690E35}" type="pres">
      <dgm:prSet presAssocID="{FF6A6D0A-8D4A-4D4C-936D-987EB51F1A2A}" presName="compNode" presStyleCnt="0"/>
      <dgm:spPr/>
    </dgm:pt>
    <dgm:pt modelId="{DC931281-0E2A-4AD1-A3AC-B69A30860BA5}" type="pres">
      <dgm:prSet presAssocID="{FF6A6D0A-8D4A-4D4C-936D-987EB51F1A2A}" presName="bgRect" presStyleLbl="bgShp" presStyleIdx="2" presStyleCnt="5"/>
      <dgm:spPr/>
    </dgm:pt>
    <dgm:pt modelId="{9A602B6D-A095-4A5A-BD5C-838CFB46AD89}" type="pres">
      <dgm:prSet presAssocID="{FF6A6D0A-8D4A-4D4C-936D-987EB51F1A2A}" presName="iconRect" presStyleLbl="node1" presStyleIdx="2" presStyleCnt="5"/>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Workflow"/>
        </a:ext>
      </dgm:extLst>
    </dgm:pt>
    <dgm:pt modelId="{63F3C4CF-3571-41EE-9353-24DA2128D764}" type="pres">
      <dgm:prSet presAssocID="{FF6A6D0A-8D4A-4D4C-936D-987EB51F1A2A}" presName="spaceRect" presStyleCnt="0"/>
      <dgm:spPr/>
    </dgm:pt>
    <dgm:pt modelId="{F93441A9-0ADD-4516-980D-5B8402D21AAC}" type="pres">
      <dgm:prSet presAssocID="{FF6A6D0A-8D4A-4D4C-936D-987EB51F1A2A}" presName="parTx" presStyleLbl="revTx" presStyleIdx="2" presStyleCnt="5">
        <dgm:presLayoutVars>
          <dgm:chMax val="0"/>
          <dgm:chPref val="0"/>
        </dgm:presLayoutVars>
      </dgm:prSet>
      <dgm:spPr/>
    </dgm:pt>
    <dgm:pt modelId="{0D9AB2D2-96B4-4EB9-9B0F-754824699A66}" type="pres">
      <dgm:prSet presAssocID="{DCBF23D5-33C3-439E-A875-993216440976}" presName="sibTrans" presStyleCnt="0"/>
      <dgm:spPr/>
    </dgm:pt>
    <dgm:pt modelId="{3858B7CB-C2F3-4B04-9447-5A5DF825C3D1}" type="pres">
      <dgm:prSet presAssocID="{27244DF9-165F-41D7-9A61-BD54B961A9E9}" presName="compNode" presStyleCnt="0"/>
      <dgm:spPr/>
    </dgm:pt>
    <dgm:pt modelId="{C9752086-EB31-401F-965C-9251C8675BEF}" type="pres">
      <dgm:prSet presAssocID="{27244DF9-165F-41D7-9A61-BD54B961A9E9}" presName="bgRect" presStyleLbl="bgShp" presStyleIdx="3" presStyleCnt="5"/>
      <dgm:spPr/>
    </dgm:pt>
    <dgm:pt modelId="{2C997A93-9C90-48EB-B5DE-09A375CA6EEF}" type="pres">
      <dgm:prSet presAssocID="{27244DF9-165F-41D7-9A61-BD54B961A9E9}" presName="iconRect" presStyleLbl="node1" presStyleIdx="3" presStyleCnt="5" custLinFactNeighborX="-10788" custLinFactNeighborY="-940"/>
      <dgm:spPr>
        <a:blipFill rotWithShape="1">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a:stretch>
        </a:blipFill>
        <a:ln>
          <a:noFill/>
        </a:ln>
      </dgm:spPr>
      <dgm:extLst>
        <a:ext uri="{E40237B7-FDA0-4F09-8148-C483321AD2D9}">
          <dgm14:cNvPr xmlns:dgm14="http://schemas.microsoft.com/office/drawing/2010/diagram" id="0" name="" descr="Judge"/>
        </a:ext>
      </dgm:extLst>
    </dgm:pt>
    <dgm:pt modelId="{F3DE4E48-5DAC-439D-827C-453E49ABDAD1}" type="pres">
      <dgm:prSet presAssocID="{27244DF9-165F-41D7-9A61-BD54B961A9E9}" presName="spaceRect" presStyleCnt="0"/>
      <dgm:spPr/>
    </dgm:pt>
    <dgm:pt modelId="{D7535CF2-D31A-468A-8BF6-AD06A886F664}" type="pres">
      <dgm:prSet presAssocID="{27244DF9-165F-41D7-9A61-BD54B961A9E9}" presName="parTx" presStyleLbl="revTx" presStyleIdx="3" presStyleCnt="5">
        <dgm:presLayoutVars>
          <dgm:chMax val="0"/>
          <dgm:chPref val="0"/>
        </dgm:presLayoutVars>
      </dgm:prSet>
      <dgm:spPr/>
    </dgm:pt>
    <dgm:pt modelId="{6A21F310-5E4F-4C92-BB2A-E6AEC53F6D2D}" type="pres">
      <dgm:prSet presAssocID="{17444CF5-7282-489A-9365-45049E773A50}" presName="sibTrans" presStyleCnt="0"/>
      <dgm:spPr/>
    </dgm:pt>
    <dgm:pt modelId="{E6AEAEDA-16D8-4914-A670-3383AE704721}" type="pres">
      <dgm:prSet presAssocID="{C9C92E1C-2FCE-4177-9AD5-A66E2B280D31}" presName="compNode" presStyleCnt="0"/>
      <dgm:spPr/>
    </dgm:pt>
    <dgm:pt modelId="{D4770E5A-E334-49ED-9F43-8EEE981D0D73}" type="pres">
      <dgm:prSet presAssocID="{C9C92E1C-2FCE-4177-9AD5-A66E2B280D31}" presName="bgRect" presStyleLbl="bgShp" presStyleIdx="4" presStyleCnt="5"/>
      <dgm:spPr/>
    </dgm:pt>
    <dgm:pt modelId="{F17CC093-5C62-42FB-AD8A-4EF1FC36D7AB}" type="pres">
      <dgm:prSet presAssocID="{C9C92E1C-2FCE-4177-9AD5-A66E2B280D31}" presName="iconRect" presStyleLbl="node1" presStyleIdx="4" presStyleCnt="5"/>
      <dgm:spPr>
        <a:ln>
          <a:noFill/>
        </a:ln>
      </dgm:spPr>
    </dgm:pt>
    <dgm:pt modelId="{D9786001-8712-4A6F-A343-9FFB6CA96D15}" type="pres">
      <dgm:prSet presAssocID="{C9C92E1C-2FCE-4177-9AD5-A66E2B280D31}" presName="spaceRect" presStyleCnt="0"/>
      <dgm:spPr/>
    </dgm:pt>
    <dgm:pt modelId="{6A92E698-9E3E-4C7F-8C4D-DE719BE5976C}" type="pres">
      <dgm:prSet presAssocID="{C9C92E1C-2FCE-4177-9AD5-A66E2B280D31}" presName="parTx" presStyleLbl="revTx" presStyleIdx="4" presStyleCnt="5">
        <dgm:presLayoutVars>
          <dgm:chMax val="0"/>
          <dgm:chPref val="0"/>
        </dgm:presLayoutVars>
      </dgm:prSet>
      <dgm:spPr/>
    </dgm:pt>
  </dgm:ptLst>
  <dgm:cxnLst>
    <dgm:cxn modelId="{02C2CB07-FFA3-4D43-B995-291B4583CF70}" type="presOf" srcId="{27244DF9-165F-41D7-9A61-BD54B961A9E9}" destId="{D7535CF2-D31A-468A-8BF6-AD06A886F664}" srcOrd="0" destOrd="0" presId="urn:microsoft.com/office/officeart/2018/2/layout/IconVerticalSolidList"/>
    <dgm:cxn modelId="{12F3660D-9305-44A2-9DE8-1C3244022A76}" srcId="{AC88E7C0-BDF0-4659-8C5C-F857DEF6F4C7}" destId="{C9C92E1C-2FCE-4177-9AD5-A66E2B280D31}" srcOrd="4" destOrd="0" parTransId="{A2522E4C-AC12-4116-B0E2-490052B56979}" sibTransId="{0570ACDE-BA6F-4637-BB38-F8C216661AB4}"/>
    <dgm:cxn modelId="{3C76C520-58B9-4C12-B0C3-20E448C8959D}" srcId="{AC88E7C0-BDF0-4659-8C5C-F857DEF6F4C7}" destId="{531B5579-FC94-4C52-BFE2-4B9FF4E22E13}" srcOrd="0" destOrd="0" parTransId="{CDCD3F85-7374-42E4-AEB4-7FE5812304C7}" sibTransId="{80203730-00C5-48B7-A06A-00F89952B1BB}"/>
    <dgm:cxn modelId="{152B9124-60EF-4AB0-9577-EB2DEABF5122}" type="presOf" srcId="{2BD6272D-F4C1-4528-81F5-AF813491569C}" destId="{596E6568-F7C0-4595-995C-741D5A8AFF61}" srcOrd="0" destOrd="0" presId="urn:microsoft.com/office/officeart/2018/2/layout/IconVerticalSolidList"/>
    <dgm:cxn modelId="{F916F86F-9C99-4A7F-996C-82BAC6DDDFEF}" type="presOf" srcId="{FF6A6D0A-8D4A-4D4C-936D-987EB51F1A2A}" destId="{F93441A9-0ADD-4516-980D-5B8402D21AAC}" srcOrd="0" destOrd="0" presId="urn:microsoft.com/office/officeart/2018/2/layout/IconVerticalSolidList"/>
    <dgm:cxn modelId="{20C7A856-0A58-49AD-90AE-A84C7F4DCCE6}" type="presOf" srcId="{C9C92E1C-2FCE-4177-9AD5-A66E2B280D31}" destId="{6A92E698-9E3E-4C7F-8C4D-DE719BE5976C}" srcOrd="0" destOrd="0" presId="urn:microsoft.com/office/officeart/2018/2/layout/IconVerticalSolidList"/>
    <dgm:cxn modelId="{F5D57C93-F4E7-497E-BC64-F94E3F8E39B4}" type="presOf" srcId="{531B5579-FC94-4C52-BFE2-4B9FF4E22E13}" destId="{1077B297-0A11-4250-87FC-8ACE5E8C38EF}" srcOrd="0" destOrd="0" presId="urn:microsoft.com/office/officeart/2018/2/layout/IconVerticalSolidList"/>
    <dgm:cxn modelId="{E6CD8B96-EB7C-457C-8B02-03B301665BAF}" srcId="{AC88E7C0-BDF0-4659-8C5C-F857DEF6F4C7}" destId="{27244DF9-165F-41D7-9A61-BD54B961A9E9}" srcOrd="3" destOrd="0" parTransId="{56509139-7604-4D62-8166-B02EE3B182D3}" sibTransId="{17444CF5-7282-489A-9365-45049E773A50}"/>
    <dgm:cxn modelId="{50FBE5B8-1D06-4F08-9417-1207C979AC96}" type="presOf" srcId="{AC88E7C0-BDF0-4659-8C5C-F857DEF6F4C7}" destId="{4FBB2D3E-8611-4099-8B89-B69AA60FB8BE}" srcOrd="0" destOrd="0" presId="urn:microsoft.com/office/officeart/2018/2/layout/IconVerticalSolidList"/>
    <dgm:cxn modelId="{4617E6E1-2E89-477D-8335-D5A6F9DBDAAD}" srcId="{AC88E7C0-BDF0-4659-8C5C-F857DEF6F4C7}" destId="{2BD6272D-F4C1-4528-81F5-AF813491569C}" srcOrd="1" destOrd="0" parTransId="{861A5AFD-2590-4637-95E8-AFD3E50635C6}" sibTransId="{4D3F5AA0-0651-4D64-A41C-68F455680C59}"/>
    <dgm:cxn modelId="{C95D76E9-4F84-4F67-AAA7-51C43DAAA309}" srcId="{AC88E7C0-BDF0-4659-8C5C-F857DEF6F4C7}" destId="{FF6A6D0A-8D4A-4D4C-936D-987EB51F1A2A}" srcOrd="2" destOrd="0" parTransId="{AF03B449-B4B5-4131-A281-A09EAAA04D42}" sibTransId="{DCBF23D5-33C3-439E-A875-993216440976}"/>
    <dgm:cxn modelId="{9BCCD653-CC4E-4DDE-9171-82EEA67E5970}" type="presParOf" srcId="{4FBB2D3E-8611-4099-8B89-B69AA60FB8BE}" destId="{6B9100D6-BCF6-4965-9714-E51E29405D94}" srcOrd="0" destOrd="0" presId="urn:microsoft.com/office/officeart/2018/2/layout/IconVerticalSolidList"/>
    <dgm:cxn modelId="{65556EE2-AEE2-4ADC-B5D1-129D6EB470A7}" type="presParOf" srcId="{6B9100D6-BCF6-4965-9714-E51E29405D94}" destId="{5CD811A0-9019-49ED-BF7C-5E980FEF57FB}" srcOrd="0" destOrd="0" presId="urn:microsoft.com/office/officeart/2018/2/layout/IconVerticalSolidList"/>
    <dgm:cxn modelId="{7158D9F9-D72C-40F9-8ABA-009CABCAD553}" type="presParOf" srcId="{6B9100D6-BCF6-4965-9714-E51E29405D94}" destId="{50126411-68C4-4989-BFAE-76C6124F60FA}" srcOrd="1" destOrd="0" presId="urn:microsoft.com/office/officeart/2018/2/layout/IconVerticalSolidList"/>
    <dgm:cxn modelId="{5CF5A510-166A-475F-B55E-4A50CDE2E550}" type="presParOf" srcId="{6B9100D6-BCF6-4965-9714-E51E29405D94}" destId="{1DFF67EF-4CEA-4926-BE5F-D3BE785FC329}" srcOrd="2" destOrd="0" presId="urn:microsoft.com/office/officeart/2018/2/layout/IconVerticalSolidList"/>
    <dgm:cxn modelId="{AF6EFD6B-4283-4D80-AC39-FBD8F4472342}" type="presParOf" srcId="{6B9100D6-BCF6-4965-9714-E51E29405D94}" destId="{1077B297-0A11-4250-87FC-8ACE5E8C38EF}" srcOrd="3" destOrd="0" presId="urn:microsoft.com/office/officeart/2018/2/layout/IconVerticalSolidList"/>
    <dgm:cxn modelId="{FD9226C9-3D6D-47AE-B73F-8203BCEBA1A7}" type="presParOf" srcId="{4FBB2D3E-8611-4099-8B89-B69AA60FB8BE}" destId="{C97ED003-2496-4BA8-9420-412B06B7BD66}" srcOrd="1" destOrd="0" presId="urn:microsoft.com/office/officeart/2018/2/layout/IconVerticalSolidList"/>
    <dgm:cxn modelId="{50495E94-033E-483B-A36A-FAE41E3D962B}" type="presParOf" srcId="{4FBB2D3E-8611-4099-8B89-B69AA60FB8BE}" destId="{980A4607-3DE2-467B-B336-6441044B0585}" srcOrd="2" destOrd="0" presId="urn:microsoft.com/office/officeart/2018/2/layout/IconVerticalSolidList"/>
    <dgm:cxn modelId="{AA541A4A-A99E-4051-9099-24C473886E2E}" type="presParOf" srcId="{980A4607-3DE2-467B-B336-6441044B0585}" destId="{97417765-5B8B-4160-934B-430A360255B3}" srcOrd="0" destOrd="0" presId="urn:microsoft.com/office/officeart/2018/2/layout/IconVerticalSolidList"/>
    <dgm:cxn modelId="{23A66C83-8135-42A4-8586-BC05F92B78F4}" type="presParOf" srcId="{980A4607-3DE2-467B-B336-6441044B0585}" destId="{9860206E-D110-4A61-AA7E-CCF7CFA5CE0C}" srcOrd="1" destOrd="0" presId="urn:microsoft.com/office/officeart/2018/2/layout/IconVerticalSolidList"/>
    <dgm:cxn modelId="{F8BFD0AB-1B50-4743-81D6-AD0795DF0994}" type="presParOf" srcId="{980A4607-3DE2-467B-B336-6441044B0585}" destId="{42375B82-CC4D-44A3-9A40-29EE4D77B8B5}" srcOrd="2" destOrd="0" presId="urn:microsoft.com/office/officeart/2018/2/layout/IconVerticalSolidList"/>
    <dgm:cxn modelId="{D190F5B3-3CC8-4CED-A6B6-3FCD3443F7F7}" type="presParOf" srcId="{980A4607-3DE2-467B-B336-6441044B0585}" destId="{596E6568-F7C0-4595-995C-741D5A8AFF61}" srcOrd="3" destOrd="0" presId="urn:microsoft.com/office/officeart/2018/2/layout/IconVerticalSolidList"/>
    <dgm:cxn modelId="{2F9C3C46-7EC6-4CF9-9608-341B4ACEAD3C}" type="presParOf" srcId="{4FBB2D3E-8611-4099-8B89-B69AA60FB8BE}" destId="{8619F5C4-0915-48E4-B4C8-08F8462D39B7}" srcOrd="3" destOrd="0" presId="urn:microsoft.com/office/officeart/2018/2/layout/IconVerticalSolidList"/>
    <dgm:cxn modelId="{FFAD0433-46A7-401B-BCCD-60F47B53EA22}" type="presParOf" srcId="{4FBB2D3E-8611-4099-8B89-B69AA60FB8BE}" destId="{E7B58BF2-3D3C-4568-AC4F-02D248690E35}" srcOrd="4" destOrd="0" presId="urn:microsoft.com/office/officeart/2018/2/layout/IconVerticalSolidList"/>
    <dgm:cxn modelId="{ABE573AC-60D1-4397-A164-2F59B7486885}" type="presParOf" srcId="{E7B58BF2-3D3C-4568-AC4F-02D248690E35}" destId="{DC931281-0E2A-4AD1-A3AC-B69A30860BA5}" srcOrd="0" destOrd="0" presId="urn:microsoft.com/office/officeart/2018/2/layout/IconVerticalSolidList"/>
    <dgm:cxn modelId="{A844741A-564C-41C6-ABEC-0464B305E5BB}" type="presParOf" srcId="{E7B58BF2-3D3C-4568-AC4F-02D248690E35}" destId="{9A602B6D-A095-4A5A-BD5C-838CFB46AD89}" srcOrd="1" destOrd="0" presId="urn:microsoft.com/office/officeart/2018/2/layout/IconVerticalSolidList"/>
    <dgm:cxn modelId="{EE809CDF-1C23-4C26-9D3B-3EAD3A85EBF6}" type="presParOf" srcId="{E7B58BF2-3D3C-4568-AC4F-02D248690E35}" destId="{63F3C4CF-3571-41EE-9353-24DA2128D764}" srcOrd="2" destOrd="0" presId="urn:microsoft.com/office/officeart/2018/2/layout/IconVerticalSolidList"/>
    <dgm:cxn modelId="{36C8C837-9AFF-4170-AE04-D9C120D4E70C}" type="presParOf" srcId="{E7B58BF2-3D3C-4568-AC4F-02D248690E35}" destId="{F93441A9-0ADD-4516-980D-5B8402D21AAC}" srcOrd="3" destOrd="0" presId="urn:microsoft.com/office/officeart/2018/2/layout/IconVerticalSolidList"/>
    <dgm:cxn modelId="{CB0185B2-3E2C-468F-8CC8-5D0244CAC9CF}" type="presParOf" srcId="{4FBB2D3E-8611-4099-8B89-B69AA60FB8BE}" destId="{0D9AB2D2-96B4-4EB9-9B0F-754824699A66}" srcOrd="5" destOrd="0" presId="urn:microsoft.com/office/officeart/2018/2/layout/IconVerticalSolidList"/>
    <dgm:cxn modelId="{2C7E8586-887E-43C7-BC4E-350B7CF888FB}" type="presParOf" srcId="{4FBB2D3E-8611-4099-8B89-B69AA60FB8BE}" destId="{3858B7CB-C2F3-4B04-9447-5A5DF825C3D1}" srcOrd="6" destOrd="0" presId="urn:microsoft.com/office/officeart/2018/2/layout/IconVerticalSolidList"/>
    <dgm:cxn modelId="{E4250F97-C633-4F5E-B1CC-FB4E404930B5}" type="presParOf" srcId="{3858B7CB-C2F3-4B04-9447-5A5DF825C3D1}" destId="{C9752086-EB31-401F-965C-9251C8675BEF}" srcOrd="0" destOrd="0" presId="urn:microsoft.com/office/officeart/2018/2/layout/IconVerticalSolidList"/>
    <dgm:cxn modelId="{C7A58C73-7F8E-43E3-9D8D-3055485CB79F}" type="presParOf" srcId="{3858B7CB-C2F3-4B04-9447-5A5DF825C3D1}" destId="{2C997A93-9C90-48EB-B5DE-09A375CA6EEF}" srcOrd="1" destOrd="0" presId="urn:microsoft.com/office/officeart/2018/2/layout/IconVerticalSolidList"/>
    <dgm:cxn modelId="{7C986BA4-AD53-49D0-B3C6-44787974DECA}" type="presParOf" srcId="{3858B7CB-C2F3-4B04-9447-5A5DF825C3D1}" destId="{F3DE4E48-5DAC-439D-827C-453E49ABDAD1}" srcOrd="2" destOrd="0" presId="urn:microsoft.com/office/officeart/2018/2/layout/IconVerticalSolidList"/>
    <dgm:cxn modelId="{6169E4B9-EBEC-4CA1-874B-0C13BD090932}" type="presParOf" srcId="{3858B7CB-C2F3-4B04-9447-5A5DF825C3D1}" destId="{D7535CF2-D31A-468A-8BF6-AD06A886F664}" srcOrd="3" destOrd="0" presId="urn:microsoft.com/office/officeart/2018/2/layout/IconVerticalSolidList"/>
    <dgm:cxn modelId="{58E05F0C-9EF3-489A-A2EA-EB1741149500}" type="presParOf" srcId="{4FBB2D3E-8611-4099-8B89-B69AA60FB8BE}" destId="{6A21F310-5E4F-4C92-BB2A-E6AEC53F6D2D}" srcOrd="7" destOrd="0" presId="urn:microsoft.com/office/officeart/2018/2/layout/IconVerticalSolidList"/>
    <dgm:cxn modelId="{62F8F2D6-84AD-4D3D-BAB9-023CFE31D78D}" type="presParOf" srcId="{4FBB2D3E-8611-4099-8B89-B69AA60FB8BE}" destId="{E6AEAEDA-16D8-4914-A670-3383AE704721}" srcOrd="8" destOrd="0" presId="urn:microsoft.com/office/officeart/2018/2/layout/IconVerticalSolidList"/>
    <dgm:cxn modelId="{98892FC3-D919-4625-8497-9834F9E2716A}" type="presParOf" srcId="{E6AEAEDA-16D8-4914-A670-3383AE704721}" destId="{D4770E5A-E334-49ED-9F43-8EEE981D0D73}" srcOrd="0" destOrd="0" presId="urn:microsoft.com/office/officeart/2018/2/layout/IconVerticalSolidList"/>
    <dgm:cxn modelId="{92843117-7C1B-41B2-9B67-B6FAF5BC6DAE}" type="presParOf" srcId="{E6AEAEDA-16D8-4914-A670-3383AE704721}" destId="{F17CC093-5C62-42FB-AD8A-4EF1FC36D7AB}" srcOrd="1" destOrd="0" presId="urn:microsoft.com/office/officeart/2018/2/layout/IconVerticalSolidList"/>
    <dgm:cxn modelId="{F63F38B4-8D01-4732-B0B4-CFF8A52C8A8D}" type="presParOf" srcId="{E6AEAEDA-16D8-4914-A670-3383AE704721}" destId="{D9786001-8712-4A6F-A343-9FFB6CA96D15}" srcOrd="2" destOrd="0" presId="urn:microsoft.com/office/officeart/2018/2/layout/IconVerticalSolidList"/>
    <dgm:cxn modelId="{7E5A84DA-BAAA-462B-8177-17328274BE39}" type="presParOf" srcId="{E6AEAEDA-16D8-4914-A670-3383AE704721}" destId="{6A92E698-9E3E-4C7F-8C4D-DE719BE5976C}"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6A9BA1FC-4FA3-44DC-B8C0-ABED3AC9EC2B}" type="doc">
      <dgm:prSet loTypeId="urn:microsoft.com/office/officeart/2018/2/layout/IconCircleList" loCatId="icon" qsTypeId="urn:microsoft.com/office/officeart/2005/8/quickstyle/simple1" qsCatId="simple" csTypeId="urn:microsoft.com/office/officeart/2005/8/colors/accent1_2" csCatId="accent1" phldr="1"/>
      <dgm:spPr/>
      <dgm:t>
        <a:bodyPr/>
        <a:lstStyle/>
        <a:p>
          <a:endParaRPr lang="en-US"/>
        </a:p>
      </dgm:t>
    </dgm:pt>
    <dgm:pt modelId="{11CFADFA-C1E8-4ECE-86B2-EEA2FCA85FAB}">
      <dgm:prSet custT="1"/>
      <dgm:spPr/>
      <dgm:t>
        <a:bodyPr/>
        <a:lstStyle/>
        <a:p>
          <a:r>
            <a:rPr lang="en-GB" sz="1800" dirty="0"/>
            <a:t>Both new service provider and outgoing service provider likely to be named as Respondents in any tribunal claim</a:t>
          </a:r>
          <a:endParaRPr lang="en-US" sz="1800" dirty="0"/>
        </a:p>
      </dgm:t>
    </dgm:pt>
    <dgm:pt modelId="{39F600C5-F93D-4CF2-8890-DE4DD4A14231}" type="parTrans" cxnId="{78D3DEED-C8B0-4FC9-91CC-11BA4B4C36D5}">
      <dgm:prSet/>
      <dgm:spPr/>
      <dgm:t>
        <a:bodyPr/>
        <a:lstStyle/>
        <a:p>
          <a:endParaRPr lang="en-US"/>
        </a:p>
      </dgm:t>
    </dgm:pt>
    <dgm:pt modelId="{B6516D56-7EFD-4196-81EF-028AC9774187}" type="sibTrans" cxnId="{78D3DEED-C8B0-4FC9-91CC-11BA4B4C36D5}">
      <dgm:prSet/>
      <dgm:spPr/>
      <dgm:t>
        <a:bodyPr/>
        <a:lstStyle/>
        <a:p>
          <a:endParaRPr lang="en-US"/>
        </a:p>
      </dgm:t>
    </dgm:pt>
    <dgm:pt modelId="{F17882DD-7003-4098-B5E4-E7D6E1EAB711}">
      <dgm:prSet custT="1"/>
      <dgm:spPr/>
      <dgm:t>
        <a:bodyPr/>
        <a:lstStyle/>
        <a:p>
          <a:r>
            <a:rPr lang="en-GB" sz="1800" dirty="0"/>
            <a:t>New service provider may not have access to all information and witnesses needed to defend claim </a:t>
          </a:r>
          <a:endParaRPr lang="en-US" sz="1800" dirty="0"/>
        </a:p>
      </dgm:t>
    </dgm:pt>
    <dgm:pt modelId="{D0DF638F-3421-4149-A5EC-9042B4B7B69C}" type="parTrans" cxnId="{5072C5C8-928A-4F83-9C08-77AB0CB44B2F}">
      <dgm:prSet/>
      <dgm:spPr/>
      <dgm:t>
        <a:bodyPr/>
        <a:lstStyle/>
        <a:p>
          <a:endParaRPr lang="en-US"/>
        </a:p>
      </dgm:t>
    </dgm:pt>
    <dgm:pt modelId="{0763F50A-886F-478F-A260-7B1187BB3108}" type="sibTrans" cxnId="{5072C5C8-928A-4F83-9C08-77AB0CB44B2F}">
      <dgm:prSet/>
      <dgm:spPr/>
      <dgm:t>
        <a:bodyPr/>
        <a:lstStyle/>
        <a:p>
          <a:endParaRPr lang="en-US"/>
        </a:p>
      </dgm:t>
    </dgm:pt>
    <dgm:pt modelId="{3215434F-E3C7-463F-8665-897767CCE689}">
      <dgm:prSet custT="1"/>
      <dgm:spPr/>
      <dgm:t>
        <a:bodyPr/>
        <a:lstStyle/>
        <a:p>
          <a:r>
            <a:rPr lang="en-GB" sz="1800" dirty="0"/>
            <a:t>Outgoing service provider will need to prove TUPE applies, but may still be motivated to participate in the defence, especially if reputational concerns</a:t>
          </a:r>
          <a:endParaRPr lang="en-US" sz="1800" dirty="0"/>
        </a:p>
      </dgm:t>
    </dgm:pt>
    <dgm:pt modelId="{CA3B90C2-3C88-47D6-80A1-DADE9A248686}" type="parTrans" cxnId="{555E4A6B-3F3D-4AEE-BE7A-FBAFEED403CD}">
      <dgm:prSet/>
      <dgm:spPr/>
      <dgm:t>
        <a:bodyPr/>
        <a:lstStyle/>
        <a:p>
          <a:endParaRPr lang="en-US"/>
        </a:p>
      </dgm:t>
    </dgm:pt>
    <dgm:pt modelId="{F878F8C6-F2AB-4800-BC70-92C0A1A9295F}" type="sibTrans" cxnId="{555E4A6B-3F3D-4AEE-BE7A-FBAFEED403CD}">
      <dgm:prSet/>
      <dgm:spPr/>
      <dgm:t>
        <a:bodyPr/>
        <a:lstStyle/>
        <a:p>
          <a:endParaRPr lang="en-US"/>
        </a:p>
      </dgm:t>
    </dgm:pt>
    <dgm:pt modelId="{09FCE890-D2F5-4310-AC8C-8DD114612A4C}">
      <dgm:prSet custT="1"/>
      <dgm:spPr/>
      <dgm:t>
        <a:bodyPr/>
        <a:lstStyle/>
        <a:p>
          <a:r>
            <a:rPr lang="en-GB" sz="1800" dirty="0"/>
            <a:t>New service provider may be able to recover costs and any tribunal awards from client or outgoing service provider under commercial documentation</a:t>
          </a:r>
          <a:endParaRPr lang="en-US" sz="1800" dirty="0"/>
        </a:p>
      </dgm:t>
    </dgm:pt>
    <dgm:pt modelId="{F9B97A84-92AC-481A-A55D-D8DBF87E1857}" type="parTrans" cxnId="{F3A060C9-5C7F-44DE-AE25-3F157D841C8C}">
      <dgm:prSet/>
      <dgm:spPr/>
      <dgm:t>
        <a:bodyPr/>
        <a:lstStyle/>
        <a:p>
          <a:endParaRPr lang="en-US"/>
        </a:p>
      </dgm:t>
    </dgm:pt>
    <dgm:pt modelId="{AC8CFAE9-236E-4706-8FFE-D1B604C90D68}" type="sibTrans" cxnId="{F3A060C9-5C7F-44DE-AE25-3F157D841C8C}">
      <dgm:prSet/>
      <dgm:spPr/>
      <dgm:t>
        <a:bodyPr/>
        <a:lstStyle/>
        <a:p>
          <a:endParaRPr lang="en-US"/>
        </a:p>
      </dgm:t>
    </dgm:pt>
    <dgm:pt modelId="{433856D4-81E3-45ED-B4DF-425364DD1020}" type="pres">
      <dgm:prSet presAssocID="{6A9BA1FC-4FA3-44DC-B8C0-ABED3AC9EC2B}" presName="root" presStyleCnt="0">
        <dgm:presLayoutVars>
          <dgm:dir/>
          <dgm:resizeHandles val="exact"/>
        </dgm:presLayoutVars>
      </dgm:prSet>
      <dgm:spPr/>
    </dgm:pt>
    <dgm:pt modelId="{A859CB3E-B114-4824-9E0A-96773A693888}" type="pres">
      <dgm:prSet presAssocID="{6A9BA1FC-4FA3-44DC-B8C0-ABED3AC9EC2B}" presName="container" presStyleCnt="0">
        <dgm:presLayoutVars>
          <dgm:dir/>
          <dgm:resizeHandles val="exact"/>
        </dgm:presLayoutVars>
      </dgm:prSet>
      <dgm:spPr/>
    </dgm:pt>
    <dgm:pt modelId="{B3A16909-933F-4F17-94EF-63FE0FAC0E19}" type="pres">
      <dgm:prSet presAssocID="{11CFADFA-C1E8-4ECE-86B2-EEA2FCA85FAB}" presName="compNode" presStyleCnt="0"/>
      <dgm:spPr/>
    </dgm:pt>
    <dgm:pt modelId="{C382625E-0789-4A57-846A-0E10B15B9A3D}" type="pres">
      <dgm:prSet presAssocID="{11CFADFA-C1E8-4ECE-86B2-EEA2FCA85FAB}" presName="iconBgRect" presStyleLbl="bgShp" presStyleIdx="0" presStyleCnt="4"/>
      <dgm:spPr/>
    </dgm:pt>
    <dgm:pt modelId="{C9A16BDC-5FE0-4E9D-B1A6-A639491D59AD}" type="pres">
      <dgm:prSet presAssocID="{11CFADFA-C1E8-4ECE-86B2-EEA2FCA85FAB}" presName="iconRect" presStyleLbl="node1" presStyleIdx="0" presStyleCnt="4"/>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Doctor"/>
        </a:ext>
      </dgm:extLst>
    </dgm:pt>
    <dgm:pt modelId="{981F4F0B-B64B-494E-8F53-70D7228D6BD3}" type="pres">
      <dgm:prSet presAssocID="{11CFADFA-C1E8-4ECE-86B2-EEA2FCA85FAB}" presName="spaceRect" presStyleCnt="0"/>
      <dgm:spPr/>
    </dgm:pt>
    <dgm:pt modelId="{3BE15C23-4EC2-4786-80C1-77BF5B727434}" type="pres">
      <dgm:prSet presAssocID="{11CFADFA-C1E8-4ECE-86B2-EEA2FCA85FAB}" presName="textRect" presStyleLbl="revTx" presStyleIdx="0" presStyleCnt="4">
        <dgm:presLayoutVars>
          <dgm:chMax val="1"/>
          <dgm:chPref val="1"/>
        </dgm:presLayoutVars>
      </dgm:prSet>
      <dgm:spPr/>
    </dgm:pt>
    <dgm:pt modelId="{D161F508-5949-4C66-94D9-9FAFB965D7B9}" type="pres">
      <dgm:prSet presAssocID="{B6516D56-7EFD-4196-81EF-028AC9774187}" presName="sibTrans" presStyleLbl="sibTrans2D1" presStyleIdx="0" presStyleCnt="0"/>
      <dgm:spPr/>
    </dgm:pt>
    <dgm:pt modelId="{3B5E6ECA-1C3B-408D-BF26-846C1C8F8CFD}" type="pres">
      <dgm:prSet presAssocID="{F17882DD-7003-4098-B5E4-E7D6E1EAB711}" presName="compNode" presStyleCnt="0"/>
      <dgm:spPr/>
    </dgm:pt>
    <dgm:pt modelId="{9D0EA04C-EF18-41DE-B87F-ED97E02A3478}" type="pres">
      <dgm:prSet presAssocID="{F17882DD-7003-4098-B5E4-E7D6E1EAB711}" presName="iconBgRect" presStyleLbl="bgShp" presStyleIdx="1" presStyleCnt="4"/>
      <dgm:spPr/>
    </dgm:pt>
    <dgm:pt modelId="{920B7EEA-8A7C-4B7E-A9BD-3984DD953ADE}" type="pres">
      <dgm:prSet presAssocID="{F17882DD-7003-4098-B5E4-E7D6E1EAB711}" presName="iconRect" presStyleLbl="node1" presStyleIdx="1" presStyleCnt="4"/>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Judge"/>
        </a:ext>
      </dgm:extLst>
    </dgm:pt>
    <dgm:pt modelId="{9C1447A7-DB13-420D-A2D5-4DE7D159B214}" type="pres">
      <dgm:prSet presAssocID="{F17882DD-7003-4098-B5E4-E7D6E1EAB711}" presName="spaceRect" presStyleCnt="0"/>
      <dgm:spPr/>
    </dgm:pt>
    <dgm:pt modelId="{887F701A-0E7B-4B3E-B600-48EC34C2E518}" type="pres">
      <dgm:prSet presAssocID="{F17882DD-7003-4098-B5E4-E7D6E1EAB711}" presName="textRect" presStyleLbl="revTx" presStyleIdx="1" presStyleCnt="4">
        <dgm:presLayoutVars>
          <dgm:chMax val="1"/>
          <dgm:chPref val="1"/>
        </dgm:presLayoutVars>
      </dgm:prSet>
      <dgm:spPr/>
    </dgm:pt>
    <dgm:pt modelId="{91F16197-2D27-45C7-9C68-E7649028151D}" type="pres">
      <dgm:prSet presAssocID="{0763F50A-886F-478F-A260-7B1187BB3108}" presName="sibTrans" presStyleLbl="sibTrans2D1" presStyleIdx="0" presStyleCnt="0"/>
      <dgm:spPr/>
    </dgm:pt>
    <dgm:pt modelId="{64EDF7A6-18ED-4D4D-9931-17F9AF33CB84}" type="pres">
      <dgm:prSet presAssocID="{3215434F-E3C7-463F-8665-897767CCE689}" presName="compNode" presStyleCnt="0"/>
      <dgm:spPr/>
    </dgm:pt>
    <dgm:pt modelId="{03053865-C159-47E3-AC09-A1E61535D439}" type="pres">
      <dgm:prSet presAssocID="{3215434F-E3C7-463F-8665-897767CCE689}" presName="iconBgRect" presStyleLbl="bgShp" presStyleIdx="2" presStyleCnt="4"/>
      <dgm:spPr/>
    </dgm:pt>
    <dgm:pt modelId="{335E993B-62A7-4E24-8F46-598C48997E45}" type="pres">
      <dgm:prSet presAssocID="{3215434F-E3C7-463F-8665-897767CCE689}" presName="iconRect" presStyleLbl="nod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Transfer"/>
        </a:ext>
      </dgm:extLst>
    </dgm:pt>
    <dgm:pt modelId="{DABECB8E-68FE-4685-9346-B1D78A0BB56F}" type="pres">
      <dgm:prSet presAssocID="{3215434F-E3C7-463F-8665-897767CCE689}" presName="spaceRect" presStyleCnt="0"/>
      <dgm:spPr/>
    </dgm:pt>
    <dgm:pt modelId="{904D7281-E057-4C3E-AE89-C9641FF05F9A}" type="pres">
      <dgm:prSet presAssocID="{3215434F-E3C7-463F-8665-897767CCE689}" presName="textRect" presStyleLbl="revTx" presStyleIdx="2" presStyleCnt="4">
        <dgm:presLayoutVars>
          <dgm:chMax val="1"/>
          <dgm:chPref val="1"/>
        </dgm:presLayoutVars>
      </dgm:prSet>
      <dgm:spPr/>
    </dgm:pt>
    <dgm:pt modelId="{C67067F4-5786-4A80-A7DB-87350FD1F92B}" type="pres">
      <dgm:prSet presAssocID="{F878F8C6-F2AB-4800-BC70-92C0A1A9295F}" presName="sibTrans" presStyleLbl="sibTrans2D1" presStyleIdx="0" presStyleCnt="0"/>
      <dgm:spPr/>
    </dgm:pt>
    <dgm:pt modelId="{34422F0F-748E-4629-81C7-8330038965B6}" type="pres">
      <dgm:prSet presAssocID="{09FCE890-D2F5-4310-AC8C-8DD114612A4C}" presName="compNode" presStyleCnt="0"/>
      <dgm:spPr/>
    </dgm:pt>
    <dgm:pt modelId="{16472CD7-0C04-40E9-B034-B66DABAF3E4E}" type="pres">
      <dgm:prSet presAssocID="{09FCE890-D2F5-4310-AC8C-8DD114612A4C}" presName="iconBgRect" presStyleLbl="bgShp" presStyleIdx="3" presStyleCnt="4"/>
      <dgm:spPr/>
    </dgm:pt>
    <dgm:pt modelId="{1A55BA2C-EE15-4ACA-90D0-0255DA1D4DAF}" type="pres">
      <dgm:prSet presAssocID="{09FCE890-D2F5-4310-AC8C-8DD114612A4C}" presName="iconRect" presStyleLbl="nod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Gavel"/>
        </a:ext>
      </dgm:extLst>
    </dgm:pt>
    <dgm:pt modelId="{15AF2D5D-B772-4FFB-BA0C-EF4A22B79090}" type="pres">
      <dgm:prSet presAssocID="{09FCE890-D2F5-4310-AC8C-8DD114612A4C}" presName="spaceRect" presStyleCnt="0"/>
      <dgm:spPr/>
    </dgm:pt>
    <dgm:pt modelId="{DF73AE98-0464-4913-9131-ED0629CAD91C}" type="pres">
      <dgm:prSet presAssocID="{09FCE890-D2F5-4310-AC8C-8DD114612A4C}" presName="textRect" presStyleLbl="revTx" presStyleIdx="3" presStyleCnt="4">
        <dgm:presLayoutVars>
          <dgm:chMax val="1"/>
          <dgm:chPref val="1"/>
        </dgm:presLayoutVars>
      </dgm:prSet>
      <dgm:spPr/>
    </dgm:pt>
  </dgm:ptLst>
  <dgm:cxnLst>
    <dgm:cxn modelId="{0C310727-5DD6-44F2-8B63-8AD6CD7FAAE4}" type="presOf" srcId="{3215434F-E3C7-463F-8665-897767CCE689}" destId="{904D7281-E057-4C3E-AE89-C9641FF05F9A}" srcOrd="0" destOrd="0" presId="urn:microsoft.com/office/officeart/2018/2/layout/IconCircleList"/>
    <dgm:cxn modelId="{3298292A-FD9A-40EF-BB32-91697E008D04}" type="presOf" srcId="{F878F8C6-F2AB-4800-BC70-92C0A1A9295F}" destId="{C67067F4-5786-4A80-A7DB-87350FD1F92B}" srcOrd="0" destOrd="0" presId="urn:microsoft.com/office/officeart/2018/2/layout/IconCircleList"/>
    <dgm:cxn modelId="{9B9DDB48-D64D-45FE-B681-11A5BFDB339C}" type="presOf" srcId="{09FCE890-D2F5-4310-AC8C-8DD114612A4C}" destId="{DF73AE98-0464-4913-9131-ED0629CAD91C}" srcOrd="0" destOrd="0" presId="urn:microsoft.com/office/officeart/2018/2/layout/IconCircleList"/>
    <dgm:cxn modelId="{889DF049-FD23-46C0-82FA-4D0349A36D74}" type="presOf" srcId="{F17882DD-7003-4098-B5E4-E7D6E1EAB711}" destId="{887F701A-0E7B-4B3E-B600-48EC34C2E518}" srcOrd="0" destOrd="0" presId="urn:microsoft.com/office/officeart/2018/2/layout/IconCircleList"/>
    <dgm:cxn modelId="{555E4A6B-3F3D-4AEE-BE7A-FBAFEED403CD}" srcId="{6A9BA1FC-4FA3-44DC-B8C0-ABED3AC9EC2B}" destId="{3215434F-E3C7-463F-8665-897767CCE689}" srcOrd="2" destOrd="0" parTransId="{CA3B90C2-3C88-47D6-80A1-DADE9A248686}" sibTransId="{F878F8C6-F2AB-4800-BC70-92C0A1A9295F}"/>
    <dgm:cxn modelId="{39E00779-0F90-4249-9523-67DA27A9671F}" type="presOf" srcId="{0763F50A-886F-478F-A260-7B1187BB3108}" destId="{91F16197-2D27-45C7-9C68-E7649028151D}" srcOrd="0" destOrd="0" presId="urn:microsoft.com/office/officeart/2018/2/layout/IconCircleList"/>
    <dgm:cxn modelId="{994E27A2-B623-41A5-9171-884B46B3B358}" type="presOf" srcId="{6A9BA1FC-4FA3-44DC-B8C0-ABED3AC9EC2B}" destId="{433856D4-81E3-45ED-B4DF-425364DD1020}" srcOrd="0" destOrd="0" presId="urn:microsoft.com/office/officeart/2018/2/layout/IconCircleList"/>
    <dgm:cxn modelId="{F5895BBA-B026-40E1-83CA-2A26AA4F4258}" type="presOf" srcId="{11CFADFA-C1E8-4ECE-86B2-EEA2FCA85FAB}" destId="{3BE15C23-4EC2-4786-80C1-77BF5B727434}" srcOrd="0" destOrd="0" presId="urn:microsoft.com/office/officeart/2018/2/layout/IconCircleList"/>
    <dgm:cxn modelId="{5072C5C8-928A-4F83-9C08-77AB0CB44B2F}" srcId="{6A9BA1FC-4FA3-44DC-B8C0-ABED3AC9EC2B}" destId="{F17882DD-7003-4098-B5E4-E7D6E1EAB711}" srcOrd="1" destOrd="0" parTransId="{D0DF638F-3421-4149-A5EC-9042B4B7B69C}" sibTransId="{0763F50A-886F-478F-A260-7B1187BB3108}"/>
    <dgm:cxn modelId="{F3A060C9-5C7F-44DE-AE25-3F157D841C8C}" srcId="{6A9BA1FC-4FA3-44DC-B8C0-ABED3AC9EC2B}" destId="{09FCE890-D2F5-4310-AC8C-8DD114612A4C}" srcOrd="3" destOrd="0" parTransId="{F9B97A84-92AC-481A-A55D-D8DBF87E1857}" sibTransId="{AC8CFAE9-236E-4706-8FFE-D1B604C90D68}"/>
    <dgm:cxn modelId="{883E96D1-B201-47B1-9027-0D12DAD6F902}" type="presOf" srcId="{B6516D56-7EFD-4196-81EF-028AC9774187}" destId="{D161F508-5949-4C66-94D9-9FAFB965D7B9}" srcOrd="0" destOrd="0" presId="urn:microsoft.com/office/officeart/2018/2/layout/IconCircleList"/>
    <dgm:cxn modelId="{78D3DEED-C8B0-4FC9-91CC-11BA4B4C36D5}" srcId="{6A9BA1FC-4FA3-44DC-B8C0-ABED3AC9EC2B}" destId="{11CFADFA-C1E8-4ECE-86B2-EEA2FCA85FAB}" srcOrd="0" destOrd="0" parTransId="{39F600C5-F93D-4CF2-8890-DE4DD4A14231}" sibTransId="{B6516D56-7EFD-4196-81EF-028AC9774187}"/>
    <dgm:cxn modelId="{07D48A6D-AD0D-4C64-B003-DB3043F46AE3}" type="presParOf" srcId="{433856D4-81E3-45ED-B4DF-425364DD1020}" destId="{A859CB3E-B114-4824-9E0A-96773A693888}" srcOrd="0" destOrd="0" presId="urn:microsoft.com/office/officeart/2018/2/layout/IconCircleList"/>
    <dgm:cxn modelId="{2C552887-40F2-4921-9FD7-B4F4AC2D8503}" type="presParOf" srcId="{A859CB3E-B114-4824-9E0A-96773A693888}" destId="{B3A16909-933F-4F17-94EF-63FE0FAC0E19}" srcOrd="0" destOrd="0" presId="urn:microsoft.com/office/officeart/2018/2/layout/IconCircleList"/>
    <dgm:cxn modelId="{B583A267-1751-4B87-8F70-FB21394743AC}" type="presParOf" srcId="{B3A16909-933F-4F17-94EF-63FE0FAC0E19}" destId="{C382625E-0789-4A57-846A-0E10B15B9A3D}" srcOrd="0" destOrd="0" presId="urn:microsoft.com/office/officeart/2018/2/layout/IconCircleList"/>
    <dgm:cxn modelId="{DF5FFE9B-82BA-43E7-84D4-5CD373263916}" type="presParOf" srcId="{B3A16909-933F-4F17-94EF-63FE0FAC0E19}" destId="{C9A16BDC-5FE0-4E9D-B1A6-A639491D59AD}" srcOrd="1" destOrd="0" presId="urn:microsoft.com/office/officeart/2018/2/layout/IconCircleList"/>
    <dgm:cxn modelId="{DCC2D75B-69CF-4437-B265-43EE12079DC0}" type="presParOf" srcId="{B3A16909-933F-4F17-94EF-63FE0FAC0E19}" destId="{981F4F0B-B64B-494E-8F53-70D7228D6BD3}" srcOrd="2" destOrd="0" presId="urn:microsoft.com/office/officeart/2018/2/layout/IconCircleList"/>
    <dgm:cxn modelId="{20AA7F5F-1472-422A-BDD8-B17E2BF94135}" type="presParOf" srcId="{B3A16909-933F-4F17-94EF-63FE0FAC0E19}" destId="{3BE15C23-4EC2-4786-80C1-77BF5B727434}" srcOrd="3" destOrd="0" presId="urn:microsoft.com/office/officeart/2018/2/layout/IconCircleList"/>
    <dgm:cxn modelId="{D9924E4D-08E5-401E-B557-D43903B903CF}" type="presParOf" srcId="{A859CB3E-B114-4824-9E0A-96773A693888}" destId="{D161F508-5949-4C66-94D9-9FAFB965D7B9}" srcOrd="1" destOrd="0" presId="urn:microsoft.com/office/officeart/2018/2/layout/IconCircleList"/>
    <dgm:cxn modelId="{789096E5-D669-40E3-B14F-8DBB21EBB6A4}" type="presParOf" srcId="{A859CB3E-B114-4824-9E0A-96773A693888}" destId="{3B5E6ECA-1C3B-408D-BF26-846C1C8F8CFD}" srcOrd="2" destOrd="0" presId="urn:microsoft.com/office/officeart/2018/2/layout/IconCircleList"/>
    <dgm:cxn modelId="{2E557568-98D1-4D83-B986-7F2BE206B5B0}" type="presParOf" srcId="{3B5E6ECA-1C3B-408D-BF26-846C1C8F8CFD}" destId="{9D0EA04C-EF18-41DE-B87F-ED97E02A3478}" srcOrd="0" destOrd="0" presId="urn:microsoft.com/office/officeart/2018/2/layout/IconCircleList"/>
    <dgm:cxn modelId="{E279995E-D4DD-43DB-8585-4645828C39EF}" type="presParOf" srcId="{3B5E6ECA-1C3B-408D-BF26-846C1C8F8CFD}" destId="{920B7EEA-8A7C-4B7E-A9BD-3984DD953ADE}" srcOrd="1" destOrd="0" presId="urn:microsoft.com/office/officeart/2018/2/layout/IconCircleList"/>
    <dgm:cxn modelId="{A8638EBD-2646-4455-9F0E-69097C05563F}" type="presParOf" srcId="{3B5E6ECA-1C3B-408D-BF26-846C1C8F8CFD}" destId="{9C1447A7-DB13-420D-A2D5-4DE7D159B214}" srcOrd="2" destOrd="0" presId="urn:microsoft.com/office/officeart/2018/2/layout/IconCircleList"/>
    <dgm:cxn modelId="{AAEC51FC-6619-44D9-B4A9-DC59040306BD}" type="presParOf" srcId="{3B5E6ECA-1C3B-408D-BF26-846C1C8F8CFD}" destId="{887F701A-0E7B-4B3E-B600-48EC34C2E518}" srcOrd="3" destOrd="0" presId="urn:microsoft.com/office/officeart/2018/2/layout/IconCircleList"/>
    <dgm:cxn modelId="{6F4BF224-6F6F-4EA4-A0D8-79141CB3E86E}" type="presParOf" srcId="{A859CB3E-B114-4824-9E0A-96773A693888}" destId="{91F16197-2D27-45C7-9C68-E7649028151D}" srcOrd="3" destOrd="0" presId="urn:microsoft.com/office/officeart/2018/2/layout/IconCircleList"/>
    <dgm:cxn modelId="{B74FC2E2-01AC-4691-B2B6-3DCDC3A6EE8C}" type="presParOf" srcId="{A859CB3E-B114-4824-9E0A-96773A693888}" destId="{64EDF7A6-18ED-4D4D-9931-17F9AF33CB84}" srcOrd="4" destOrd="0" presId="urn:microsoft.com/office/officeart/2018/2/layout/IconCircleList"/>
    <dgm:cxn modelId="{75F88625-A3E1-4532-97DD-F8DC3A96A574}" type="presParOf" srcId="{64EDF7A6-18ED-4D4D-9931-17F9AF33CB84}" destId="{03053865-C159-47E3-AC09-A1E61535D439}" srcOrd="0" destOrd="0" presId="urn:microsoft.com/office/officeart/2018/2/layout/IconCircleList"/>
    <dgm:cxn modelId="{0E6CBA92-20C3-4B87-82D7-EB2B7A748A8B}" type="presParOf" srcId="{64EDF7A6-18ED-4D4D-9931-17F9AF33CB84}" destId="{335E993B-62A7-4E24-8F46-598C48997E45}" srcOrd="1" destOrd="0" presId="urn:microsoft.com/office/officeart/2018/2/layout/IconCircleList"/>
    <dgm:cxn modelId="{EA4ED48B-7AFC-4A71-A2A1-FF48A1AE1D3E}" type="presParOf" srcId="{64EDF7A6-18ED-4D4D-9931-17F9AF33CB84}" destId="{DABECB8E-68FE-4685-9346-B1D78A0BB56F}" srcOrd="2" destOrd="0" presId="urn:microsoft.com/office/officeart/2018/2/layout/IconCircleList"/>
    <dgm:cxn modelId="{A958DEB4-EF90-46FF-9441-2E435C6AC473}" type="presParOf" srcId="{64EDF7A6-18ED-4D4D-9931-17F9AF33CB84}" destId="{904D7281-E057-4C3E-AE89-C9641FF05F9A}" srcOrd="3" destOrd="0" presId="urn:microsoft.com/office/officeart/2018/2/layout/IconCircleList"/>
    <dgm:cxn modelId="{D74672F1-1D50-40C6-AFCE-5364E70CA75F}" type="presParOf" srcId="{A859CB3E-B114-4824-9E0A-96773A693888}" destId="{C67067F4-5786-4A80-A7DB-87350FD1F92B}" srcOrd="5" destOrd="0" presId="urn:microsoft.com/office/officeart/2018/2/layout/IconCircleList"/>
    <dgm:cxn modelId="{95FD638D-7F13-4568-9EED-104EE0EF4C9E}" type="presParOf" srcId="{A859CB3E-B114-4824-9E0A-96773A693888}" destId="{34422F0F-748E-4629-81C7-8330038965B6}" srcOrd="6" destOrd="0" presId="urn:microsoft.com/office/officeart/2018/2/layout/IconCircleList"/>
    <dgm:cxn modelId="{C51711D7-38DD-4634-89D2-9B7239DCCCCB}" type="presParOf" srcId="{34422F0F-748E-4629-81C7-8330038965B6}" destId="{16472CD7-0C04-40E9-B034-B66DABAF3E4E}" srcOrd="0" destOrd="0" presId="urn:microsoft.com/office/officeart/2018/2/layout/IconCircleList"/>
    <dgm:cxn modelId="{40E2FCAF-6B22-4809-B5A0-CD02CFEE8DDC}" type="presParOf" srcId="{34422F0F-748E-4629-81C7-8330038965B6}" destId="{1A55BA2C-EE15-4ACA-90D0-0255DA1D4DAF}" srcOrd="1" destOrd="0" presId="urn:microsoft.com/office/officeart/2018/2/layout/IconCircleList"/>
    <dgm:cxn modelId="{25F14D8B-E6A2-42AE-B162-526757DB0C9F}" type="presParOf" srcId="{34422F0F-748E-4629-81C7-8330038965B6}" destId="{15AF2D5D-B772-4FFB-BA0C-EF4A22B79090}" srcOrd="2" destOrd="0" presId="urn:microsoft.com/office/officeart/2018/2/layout/IconCircleList"/>
    <dgm:cxn modelId="{AA62AE39-E54F-4791-9889-CFC228C36497}" type="presParOf" srcId="{34422F0F-748E-4629-81C7-8330038965B6}" destId="{DF73AE98-0464-4913-9131-ED0629CAD91C}" srcOrd="3" destOrd="0" presId="urn:microsoft.com/office/officeart/2018/2/layout/IconCircle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9F761EC9-48C3-4FEF-8DD1-A136E297CC2B}" type="doc">
      <dgm:prSet loTypeId="urn:microsoft.com/office/officeart/2005/8/layout/process4" loCatId="process" qsTypeId="urn:microsoft.com/office/officeart/2005/8/quickstyle/simple2" qsCatId="simple" csTypeId="urn:microsoft.com/office/officeart/2005/8/colors/accent1_1" csCatId="accent1" phldr="1"/>
      <dgm:spPr/>
      <dgm:t>
        <a:bodyPr/>
        <a:lstStyle/>
        <a:p>
          <a:endParaRPr lang="en-US"/>
        </a:p>
      </dgm:t>
    </dgm:pt>
    <dgm:pt modelId="{32A08F8B-AD28-4D9D-BDCD-C2129189DCFA}">
      <dgm:prSet/>
      <dgm:spPr/>
      <dgm:t>
        <a:bodyPr/>
        <a:lstStyle/>
        <a:p>
          <a:r>
            <a:rPr lang="en-GB"/>
            <a:t>Parties can ask client to exert commercial pressure on non-participating party to encourage engagement</a:t>
          </a:r>
          <a:endParaRPr lang="en-US"/>
        </a:p>
      </dgm:t>
    </dgm:pt>
    <dgm:pt modelId="{61BC450C-EAA0-4947-BCA8-A6ADA7424318}" type="parTrans" cxnId="{918AA2ED-D24E-45C5-88C3-7BAEEEC60CF9}">
      <dgm:prSet/>
      <dgm:spPr/>
      <dgm:t>
        <a:bodyPr/>
        <a:lstStyle/>
        <a:p>
          <a:endParaRPr lang="en-US"/>
        </a:p>
      </dgm:t>
    </dgm:pt>
    <dgm:pt modelId="{F5B6C39D-AA3E-458B-BB9F-8D7232046E6F}" type="sibTrans" cxnId="{918AA2ED-D24E-45C5-88C3-7BAEEEC60CF9}">
      <dgm:prSet/>
      <dgm:spPr/>
      <dgm:t>
        <a:bodyPr/>
        <a:lstStyle/>
        <a:p>
          <a:endParaRPr lang="en-US"/>
        </a:p>
      </dgm:t>
    </dgm:pt>
    <dgm:pt modelId="{96E46837-81D2-45EA-BAE2-57BBB0DEBE57}">
      <dgm:prSet/>
      <dgm:spPr/>
      <dgm:t>
        <a:bodyPr/>
        <a:lstStyle/>
        <a:p>
          <a:r>
            <a:rPr lang="en-GB" dirty="0"/>
            <a:t>New service provider may want to run a post-transfer information and consultation exercise if pre-transfer process has been deficient – doesn’t avoid claims but may reduce the risk</a:t>
          </a:r>
          <a:endParaRPr lang="en-US" dirty="0"/>
        </a:p>
      </dgm:t>
    </dgm:pt>
    <dgm:pt modelId="{792B3632-743C-45FE-AB13-A30C4FC75240}" type="parTrans" cxnId="{9AD0D90A-1E36-493D-953C-B976D526D7CF}">
      <dgm:prSet/>
      <dgm:spPr/>
      <dgm:t>
        <a:bodyPr/>
        <a:lstStyle/>
        <a:p>
          <a:endParaRPr lang="en-US"/>
        </a:p>
      </dgm:t>
    </dgm:pt>
    <dgm:pt modelId="{79A0EC5A-CAA5-47EB-BA27-112FE2EB6A95}" type="sibTrans" cxnId="{9AD0D90A-1E36-493D-953C-B976D526D7CF}">
      <dgm:prSet/>
      <dgm:spPr/>
      <dgm:t>
        <a:bodyPr/>
        <a:lstStyle/>
        <a:p>
          <a:endParaRPr lang="en-US"/>
        </a:p>
      </dgm:t>
    </dgm:pt>
    <dgm:pt modelId="{DB18B348-FFC7-4CA6-B9C4-CC872401A192}">
      <dgm:prSet/>
      <dgm:spPr/>
      <dgm:t>
        <a:bodyPr/>
        <a:lstStyle/>
        <a:p>
          <a:r>
            <a:rPr lang="en-GB" dirty="0"/>
            <a:t>If outgoing service provider doesn’t receive “measures” information from new service provider, it should write formally requesting it or requesting confirmation that there are none</a:t>
          </a:r>
          <a:endParaRPr lang="en-US" dirty="0"/>
        </a:p>
      </dgm:t>
    </dgm:pt>
    <dgm:pt modelId="{64C85E4D-8F4B-4AB6-AE56-41CE2FF97A47}" type="parTrans" cxnId="{99047615-7CDA-40B2-872E-DA6A4E6CB942}">
      <dgm:prSet/>
      <dgm:spPr/>
      <dgm:t>
        <a:bodyPr/>
        <a:lstStyle/>
        <a:p>
          <a:endParaRPr lang="en-US"/>
        </a:p>
      </dgm:t>
    </dgm:pt>
    <dgm:pt modelId="{84D39220-23C4-40F6-A30D-BDACCB470D65}" type="sibTrans" cxnId="{99047615-7CDA-40B2-872E-DA6A4E6CB942}">
      <dgm:prSet/>
      <dgm:spPr/>
      <dgm:t>
        <a:bodyPr/>
        <a:lstStyle/>
        <a:p>
          <a:endParaRPr lang="en-US"/>
        </a:p>
      </dgm:t>
    </dgm:pt>
    <dgm:pt modelId="{5AE279EE-5B97-4E5B-BA0A-C30B0665813C}" type="pres">
      <dgm:prSet presAssocID="{9F761EC9-48C3-4FEF-8DD1-A136E297CC2B}" presName="Name0" presStyleCnt="0">
        <dgm:presLayoutVars>
          <dgm:dir/>
          <dgm:animLvl val="lvl"/>
          <dgm:resizeHandles val="exact"/>
        </dgm:presLayoutVars>
      </dgm:prSet>
      <dgm:spPr/>
    </dgm:pt>
    <dgm:pt modelId="{1E376381-1248-49FC-9D20-AA7FF0C871B7}" type="pres">
      <dgm:prSet presAssocID="{DB18B348-FFC7-4CA6-B9C4-CC872401A192}" presName="boxAndChildren" presStyleCnt="0"/>
      <dgm:spPr/>
    </dgm:pt>
    <dgm:pt modelId="{F66A54FD-64AE-417E-9E3F-C20321B4E066}" type="pres">
      <dgm:prSet presAssocID="{DB18B348-FFC7-4CA6-B9C4-CC872401A192}" presName="parentTextBox" presStyleLbl="node1" presStyleIdx="0" presStyleCnt="3"/>
      <dgm:spPr/>
    </dgm:pt>
    <dgm:pt modelId="{255973E3-CA6E-403D-B758-BC0FD2792F6C}" type="pres">
      <dgm:prSet presAssocID="{79A0EC5A-CAA5-47EB-BA27-112FE2EB6A95}" presName="sp" presStyleCnt="0"/>
      <dgm:spPr/>
    </dgm:pt>
    <dgm:pt modelId="{880E8C4A-D085-44E7-8125-B647AAE7EC33}" type="pres">
      <dgm:prSet presAssocID="{96E46837-81D2-45EA-BAE2-57BBB0DEBE57}" presName="arrowAndChildren" presStyleCnt="0"/>
      <dgm:spPr/>
    </dgm:pt>
    <dgm:pt modelId="{91A081F6-BBCC-426C-BD14-AFF9D40E2D68}" type="pres">
      <dgm:prSet presAssocID="{96E46837-81D2-45EA-BAE2-57BBB0DEBE57}" presName="parentTextArrow" presStyleLbl="node1" presStyleIdx="1" presStyleCnt="3"/>
      <dgm:spPr/>
    </dgm:pt>
    <dgm:pt modelId="{709EB26D-0B28-4F68-B92D-23543514E713}" type="pres">
      <dgm:prSet presAssocID="{F5B6C39D-AA3E-458B-BB9F-8D7232046E6F}" presName="sp" presStyleCnt="0"/>
      <dgm:spPr/>
    </dgm:pt>
    <dgm:pt modelId="{FEBD3BBF-449B-4416-BA63-C104C1F17E02}" type="pres">
      <dgm:prSet presAssocID="{32A08F8B-AD28-4D9D-BDCD-C2129189DCFA}" presName="arrowAndChildren" presStyleCnt="0"/>
      <dgm:spPr/>
    </dgm:pt>
    <dgm:pt modelId="{0D173828-91ED-4767-8C78-BE9F48E0FCEC}" type="pres">
      <dgm:prSet presAssocID="{32A08F8B-AD28-4D9D-BDCD-C2129189DCFA}" presName="parentTextArrow" presStyleLbl="node1" presStyleIdx="2" presStyleCnt="3"/>
      <dgm:spPr/>
    </dgm:pt>
  </dgm:ptLst>
  <dgm:cxnLst>
    <dgm:cxn modelId="{9AD0D90A-1E36-493D-953C-B976D526D7CF}" srcId="{9F761EC9-48C3-4FEF-8DD1-A136E297CC2B}" destId="{96E46837-81D2-45EA-BAE2-57BBB0DEBE57}" srcOrd="1" destOrd="0" parTransId="{792B3632-743C-45FE-AB13-A30C4FC75240}" sibTransId="{79A0EC5A-CAA5-47EB-BA27-112FE2EB6A95}"/>
    <dgm:cxn modelId="{99047615-7CDA-40B2-872E-DA6A4E6CB942}" srcId="{9F761EC9-48C3-4FEF-8DD1-A136E297CC2B}" destId="{DB18B348-FFC7-4CA6-B9C4-CC872401A192}" srcOrd="2" destOrd="0" parTransId="{64C85E4D-8F4B-4AB6-AE56-41CE2FF97A47}" sibTransId="{84D39220-23C4-40F6-A30D-BDACCB470D65}"/>
    <dgm:cxn modelId="{F25BEA77-BC7B-417D-A8EC-5B24C3D4AD01}" type="presOf" srcId="{32A08F8B-AD28-4D9D-BDCD-C2129189DCFA}" destId="{0D173828-91ED-4767-8C78-BE9F48E0FCEC}" srcOrd="0" destOrd="0" presId="urn:microsoft.com/office/officeart/2005/8/layout/process4"/>
    <dgm:cxn modelId="{E79324AE-3A48-4F06-827D-875CA75BE6F1}" type="presOf" srcId="{DB18B348-FFC7-4CA6-B9C4-CC872401A192}" destId="{F66A54FD-64AE-417E-9E3F-C20321B4E066}" srcOrd="0" destOrd="0" presId="urn:microsoft.com/office/officeart/2005/8/layout/process4"/>
    <dgm:cxn modelId="{48C7F0C1-FE4B-47FD-806F-C1FCC9C757A1}" type="presOf" srcId="{9F761EC9-48C3-4FEF-8DD1-A136E297CC2B}" destId="{5AE279EE-5B97-4E5B-BA0A-C30B0665813C}" srcOrd="0" destOrd="0" presId="urn:microsoft.com/office/officeart/2005/8/layout/process4"/>
    <dgm:cxn modelId="{36682BDA-9639-4B28-81A4-12ADFF5F3563}" type="presOf" srcId="{96E46837-81D2-45EA-BAE2-57BBB0DEBE57}" destId="{91A081F6-BBCC-426C-BD14-AFF9D40E2D68}" srcOrd="0" destOrd="0" presId="urn:microsoft.com/office/officeart/2005/8/layout/process4"/>
    <dgm:cxn modelId="{918AA2ED-D24E-45C5-88C3-7BAEEEC60CF9}" srcId="{9F761EC9-48C3-4FEF-8DD1-A136E297CC2B}" destId="{32A08F8B-AD28-4D9D-BDCD-C2129189DCFA}" srcOrd="0" destOrd="0" parTransId="{61BC450C-EAA0-4947-BCA8-A6ADA7424318}" sibTransId="{F5B6C39D-AA3E-458B-BB9F-8D7232046E6F}"/>
    <dgm:cxn modelId="{B8F37073-75E5-49BB-B331-A5728B22197F}" type="presParOf" srcId="{5AE279EE-5B97-4E5B-BA0A-C30B0665813C}" destId="{1E376381-1248-49FC-9D20-AA7FF0C871B7}" srcOrd="0" destOrd="0" presId="urn:microsoft.com/office/officeart/2005/8/layout/process4"/>
    <dgm:cxn modelId="{B0487F74-0CB8-4E81-85EE-C55EB82F2A87}" type="presParOf" srcId="{1E376381-1248-49FC-9D20-AA7FF0C871B7}" destId="{F66A54FD-64AE-417E-9E3F-C20321B4E066}" srcOrd="0" destOrd="0" presId="urn:microsoft.com/office/officeart/2005/8/layout/process4"/>
    <dgm:cxn modelId="{64770F6F-AB9C-4E1C-A004-D921C753F983}" type="presParOf" srcId="{5AE279EE-5B97-4E5B-BA0A-C30B0665813C}" destId="{255973E3-CA6E-403D-B758-BC0FD2792F6C}" srcOrd="1" destOrd="0" presId="urn:microsoft.com/office/officeart/2005/8/layout/process4"/>
    <dgm:cxn modelId="{DFF75D78-896D-4877-BDCA-F5CADA6D3FBA}" type="presParOf" srcId="{5AE279EE-5B97-4E5B-BA0A-C30B0665813C}" destId="{880E8C4A-D085-44E7-8125-B647AAE7EC33}" srcOrd="2" destOrd="0" presId="urn:microsoft.com/office/officeart/2005/8/layout/process4"/>
    <dgm:cxn modelId="{B53443CE-A1E3-4359-89AE-6B0D89B4591B}" type="presParOf" srcId="{880E8C4A-D085-44E7-8125-B647AAE7EC33}" destId="{91A081F6-BBCC-426C-BD14-AFF9D40E2D68}" srcOrd="0" destOrd="0" presId="urn:microsoft.com/office/officeart/2005/8/layout/process4"/>
    <dgm:cxn modelId="{1C5E59B4-3937-4C16-985F-8CD436FCFD08}" type="presParOf" srcId="{5AE279EE-5B97-4E5B-BA0A-C30B0665813C}" destId="{709EB26D-0B28-4F68-B92D-23543514E713}" srcOrd="3" destOrd="0" presId="urn:microsoft.com/office/officeart/2005/8/layout/process4"/>
    <dgm:cxn modelId="{931465E0-7863-4353-8230-1CD4A0D3A084}" type="presParOf" srcId="{5AE279EE-5B97-4E5B-BA0A-C30B0665813C}" destId="{FEBD3BBF-449B-4416-BA63-C104C1F17E02}" srcOrd="4" destOrd="0" presId="urn:microsoft.com/office/officeart/2005/8/layout/process4"/>
    <dgm:cxn modelId="{6CB8E692-5A42-458F-8441-5AC2C085FC87}" type="presParOf" srcId="{FEBD3BBF-449B-4416-BA63-C104C1F17E02}" destId="{0D173828-91ED-4767-8C78-BE9F48E0FCEC}" srcOrd="0" destOrd="0" presId="urn:microsoft.com/office/officeart/2005/8/layout/process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E6138C5-F8AA-4F48-A2F7-F189D917D968}">
      <dsp:nvSpPr>
        <dsp:cNvPr id="0" name=""/>
        <dsp:cNvSpPr/>
      </dsp:nvSpPr>
      <dsp:spPr>
        <a:xfrm>
          <a:off x="5555" y="2235975"/>
          <a:ext cx="2841538" cy="852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92024" tIns="68580" rIns="192024" bIns="68580" numCol="1" spcCol="1270" anchor="ctr" anchorCtr="0">
          <a:noAutofit/>
        </a:bodyPr>
        <a:lstStyle/>
        <a:p>
          <a:pPr marL="0" lvl="0" indent="0" algn="r" defTabSz="1200150">
            <a:lnSpc>
              <a:spcPct val="90000"/>
            </a:lnSpc>
            <a:spcBef>
              <a:spcPct val="0"/>
            </a:spcBef>
            <a:spcAft>
              <a:spcPct val="35000"/>
            </a:spcAft>
            <a:buNone/>
          </a:pPr>
          <a:r>
            <a:rPr lang="en-GB" sz="2700" kern="1200"/>
            <a:t>Applies when there is a:</a:t>
          </a:r>
        </a:p>
      </dsp:txBody>
      <dsp:txXfrm>
        <a:off x="5555" y="2235975"/>
        <a:ext cx="2841538" cy="852018"/>
      </dsp:txXfrm>
    </dsp:sp>
    <dsp:sp modelId="{E840635F-A2A7-4028-A301-46D59A3FDDD2}">
      <dsp:nvSpPr>
        <dsp:cNvPr id="0" name=""/>
        <dsp:cNvSpPr/>
      </dsp:nvSpPr>
      <dsp:spPr>
        <a:xfrm>
          <a:off x="2847093" y="52677"/>
          <a:ext cx="568307" cy="5218614"/>
        </a:xfrm>
        <a:prstGeom prst="leftBrace">
          <a:avLst>
            <a:gd name="adj1" fmla="val 35000"/>
            <a:gd name="adj2" fmla="val 5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94647DC-125A-466E-BA34-C80F7C9B351D}">
      <dsp:nvSpPr>
        <dsp:cNvPr id="0" name=""/>
        <dsp:cNvSpPr/>
      </dsp:nvSpPr>
      <dsp:spPr>
        <a:xfrm>
          <a:off x="3642724" y="52677"/>
          <a:ext cx="7728984" cy="5218614"/>
        </a:xfrm>
        <a:prstGeom prst="roundRect">
          <a:avLst/>
        </a:prstGeom>
        <a:solidFill>
          <a:srgbClr val="C9FFFA"/>
        </a:solidFill>
        <a:ln>
          <a:noFill/>
        </a:ln>
        <a:effectLst>
          <a:outerShdw blurRad="40000" dist="20000" dir="5400000" rotWithShape="0">
            <a:srgbClr val="000000">
              <a:alpha val="38000"/>
            </a:srgbClr>
          </a:outerShdw>
        </a:effectLst>
        <a:scene3d>
          <a:camera prst="orthographicFront"/>
          <a:lightRig rig="flat" dir="t"/>
        </a:scene3d>
        <a:sp3d prstMaterial="dkEdge">
          <a:bevelT w="8200" h="38100"/>
        </a:sp3d>
      </dsp:spPr>
      <dsp:style>
        <a:lnRef idx="0">
          <a:scrgbClr r="0" g="0" b="0"/>
        </a:lnRef>
        <a:fillRef idx="2">
          <a:scrgbClr r="0" g="0" b="0"/>
        </a:fillRef>
        <a:effectRef idx="1">
          <a:scrgbClr r="0" g="0" b="0"/>
        </a:effectRef>
        <a:fontRef idx="minor">
          <a:schemeClr val="dk1"/>
        </a:fontRef>
      </dsp:style>
      <dsp:txBody>
        <a:bodyPr spcFirstLastPara="0" vert="horz" wrap="square" lIns="102870" tIns="102870" rIns="102870" bIns="102870" numCol="1" spcCol="1270" anchor="ctr" anchorCtr="0">
          <a:noAutofit/>
        </a:bodyPr>
        <a:lstStyle/>
        <a:p>
          <a:pPr marL="228600" lvl="1" indent="-228600" algn="l" defTabSz="1200150">
            <a:lnSpc>
              <a:spcPct val="90000"/>
            </a:lnSpc>
            <a:spcBef>
              <a:spcPct val="0"/>
            </a:spcBef>
            <a:spcAft>
              <a:spcPct val="15000"/>
            </a:spcAft>
            <a:buChar char="•"/>
          </a:pPr>
          <a:r>
            <a:rPr lang="en-GB" sz="2700" kern="1200" dirty="0"/>
            <a:t>transfer of an </a:t>
          </a:r>
          <a:r>
            <a:rPr lang="en-GB" sz="2700" kern="1200" dirty="0">
              <a:solidFill>
                <a:srgbClr val="FF0000"/>
              </a:solidFill>
            </a:rPr>
            <a:t>undertaking</a:t>
          </a:r>
          <a:r>
            <a:rPr lang="en-GB" sz="2700" kern="1200" dirty="0"/>
            <a:t>, business or </a:t>
          </a:r>
          <a:r>
            <a:rPr lang="en-GB" sz="2700" kern="1200" dirty="0">
              <a:solidFill>
                <a:srgbClr val="FF0000"/>
              </a:solidFill>
            </a:rPr>
            <a:t>part of a business</a:t>
          </a:r>
          <a:r>
            <a:rPr lang="en-GB" sz="2700" kern="1200" dirty="0"/>
            <a:t> situated immediately before the transfer in the UK where there is a transfer of an </a:t>
          </a:r>
          <a:r>
            <a:rPr lang="en-GB" sz="2700" kern="1200" dirty="0">
              <a:solidFill>
                <a:srgbClr val="FF0000"/>
              </a:solidFill>
            </a:rPr>
            <a:t>economic entity </a:t>
          </a:r>
          <a:r>
            <a:rPr lang="en-GB" sz="2700" kern="1200" dirty="0"/>
            <a:t>which </a:t>
          </a:r>
          <a:r>
            <a:rPr lang="en-GB" sz="2700" kern="1200" dirty="0">
              <a:solidFill>
                <a:srgbClr val="FF0000"/>
              </a:solidFill>
            </a:rPr>
            <a:t>retains its identity</a:t>
          </a:r>
        </a:p>
        <a:p>
          <a:pPr marL="228600" lvl="1" indent="-228600" algn="l" defTabSz="1200150">
            <a:lnSpc>
              <a:spcPct val="90000"/>
            </a:lnSpc>
            <a:spcBef>
              <a:spcPct val="0"/>
            </a:spcBef>
            <a:spcAft>
              <a:spcPct val="15000"/>
            </a:spcAft>
            <a:buChar char="•"/>
          </a:pPr>
          <a:r>
            <a:rPr lang="en-GB" sz="2700" kern="1200" dirty="0"/>
            <a:t>Multi-</a:t>
          </a:r>
          <a:r>
            <a:rPr lang="en-GB" sz="2700" kern="1200" dirty="0" err="1"/>
            <a:t>factoral</a:t>
          </a:r>
          <a:r>
            <a:rPr lang="en-GB" sz="2700" kern="1200" dirty="0"/>
            <a:t> test </a:t>
          </a:r>
        </a:p>
        <a:p>
          <a:pPr marL="228600" lvl="1" indent="-228600" algn="l" defTabSz="1200150">
            <a:lnSpc>
              <a:spcPct val="90000"/>
            </a:lnSpc>
            <a:spcBef>
              <a:spcPct val="0"/>
            </a:spcBef>
            <a:spcAft>
              <a:spcPct val="15000"/>
            </a:spcAft>
            <a:buChar char="•"/>
          </a:pPr>
          <a:r>
            <a:rPr lang="en-GB" sz="2700" kern="1200" dirty="0"/>
            <a:t>An organised grouping of resources that has the objective of pursuing an economic activity</a:t>
          </a:r>
        </a:p>
        <a:p>
          <a:pPr marL="228600" lvl="1" indent="-228600" algn="l" defTabSz="1200150">
            <a:lnSpc>
              <a:spcPct val="90000"/>
            </a:lnSpc>
            <a:spcBef>
              <a:spcPct val="0"/>
            </a:spcBef>
            <a:spcAft>
              <a:spcPct val="15000"/>
            </a:spcAft>
            <a:buChar char="•"/>
          </a:pPr>
          <a:r>
            <a:rPr lang="en-GB" sz="2700" kern="1200" dirty="0"/>
            <a:t>Self contained and severable</a:t>
          </a:r>
        </a:p>
        <a:p>
          <a:pPr marL="228600" lvl="1" indent="-228600" algn="l" defTabSz="1200150">
            <a:lnSpc>
              <a:spcPct val="90000"/>
            </a:lnSpc>
            <a:spcBef>
              <a:spcPct val="0"/>
            </a:spcBef>
            <a:spcAft>
              <a:spcPct val="15000"/>
            </a:spcAft>
            <a:buClr>
              <a:schemeClr val="tx1"/>
            </a:buClr>
            <a:buChar char="•"/>
          </a:pPr>
          <a:r>
            <a:rPr lang="en-GB" sz="2700" kern="1200" dirty="0">
              <a:solidFill>
                <a:srgbClr val="FF0000"/>
              </a:solidFill>
            </a:rPr>
            <a:t>This test CAN apply to service provision changes</a:t>
          </a:r>
        </a:p>
      </dsp:txBody>
      <dsp:txXfrm>
        <a:off x="3897476" y="307429"/>
        <a:ext cx="7219480" cy="4709110"/>
      </dsp:txXfrm>
    </dsp:sp>
  </dsp:spTree>
</dsp:drawing>
</file>

<file path=ppt/diagrams/drawing1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F5A2488-BE85-42D2-8C14-5378D1F6CC71}">
      <dsp:nvSpPr>
        <dsp:cNvPr id="0" name=""/>
        <dsp:cNvSpPr/>
      </dsp:nvSpPr>
      <dsp:spPr>
        <a:xfrm>
          <a:off x="1475223" y="43527"/>
          <a:ext cx="1071027" cy="1071027"/>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E6C075A-5180-414B-BCD0-1F81C02BD1AD}">
      <dsp:nvSpPr>
        <dsp:cNvPr id="0" name=""/>
        <dsp:cNvSpPr/>
      </dsp:nvSpPr>
      <dsp:spPr>
        <a:xfrm>
          <a:off x="1700139" y="268443"/>
          <a:ext cx="621196" cy="62119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3D55F824-1479-4D2E-B185-9ADF38791BA7}">
      <dsp:nvSpPr>
        <dsp:cNvPr id="0" name=""/>
        <dsp:cNvSpPr/>
      </dsp:nvSpPr>
      <dsp:spPr>
        <a:xfrm>
          <a:off x="2775757" y="43527"/>
          <a:ext cx="2524565" cy="107102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GB" sz="1800" kern="1200" dirty="0"/>
            <a:t>Unlikely to be discovered until after the transfer</a:t>
          </a:r>
          <a:endParaRPr lang="en-US" sz="1800" kern="1200" dirty="0"/>
        </a:p>
      </dsp:txBody>
      <dsp:txXfrm>
        <a:off x="2775757" y="43527"/>
        <a:ext cx="2524565" cy="1071027"/>
      </dsp:txXfrm>
    </dsp:sp>
    <dsp:sp modelId="{3AE9E7C9-960A-4742-B77B-8116EAEF5C04}">
      <dsp:nvSpPr>
        <dsp:cNvPr id="0" name=""/>
        <dsp:cNvSpPr/>
      </dsp:nvSpPr>
      <dsp:spPr>
        <a:xfrm>
          <a:off x="5740209" y="43527"/>
          <a:ext cx="1071027" cy="1071027"/>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EC13B7B-8016-4153-91FC-483AEE8A86F4}">
      <dsp:nvSpPr>
        <dsp:cNvPr id="0" name=""/>
        <dsp:cNvSpPr/>
      </dsp:nvSpPr>
      <dsp:spPr>
        <a:xfrm>
          <a:off x="5965125" y="268443"/>
          <a:ext cx="621196" cy="62119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A7244A3-176D-449C-8A0E-B48828E89800}">
      <dsp:nvSpPr>
        <dsp:cNvPr id="0" name=""/>
        <dsp:cNvSpPr/>
      </dsp:nvSpPr>
      <dsp:spPr>
        <a:xfrm>
          <a:off x="7040743" y="43527"/>
          <a:ext cx="2524565" cy="107102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GB" sz="1800" kern="1200" dirty="0"/>
            <a:t>May be a tribunal claim against outgoing service provider, but not all employee information is covered by ELI</a:t>
          </a:r>
          <a:endParaRPr lang="en-US" sz="1800" kern="1200" dirty="0"/>
        </a:p>
      </dsp:txBody>
      <dsp:txXfrm>
        <a:off x="7040743" y="43527"/>
        <a:ext cx="2524565" cy="1071027"/>
      </dsp:txXfrm>
    </dsp:sp>
    <dsp:sp modelId="{5627CEB3-1356-4020-8800-95E0F1079540}">
      <dsp:nvSpPr>
        <dsp:cNvPr id="0" name=""/>
        <dsp:cNvSpPr/>
      </dsp:nvSpPr>
      <dsp:spPr>
        <a:xfrm>
          <a:off x="1475223" y="1964592"/>
          <a:ext cx="1071027" cy="1071027"/>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EC7F498-0857-472F-A792-FC6B96EFAD1D}">
      <dsp:nvSpPr>
        <dsp:cNvPr id="0" name=""/>
        <dsp:cNvSpPr/>
      </dsp:nvSpPr>
      <dsp:spPr>
        <a:xfrm>
          <a:off x="1700139" y="2189507"/>
          <a:ext cx="621196" cy="62119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60F8E90-7E51-44F5-9E75-91C03691946C}">
      <dsp:nvSpPr>
        <dsp:cNvPr id="0" name=""/>
        <dsp:cNvSpPr/>
      </dsp:nvSpPr>
      <dsp:spPr>
        <a:xfrm>
          <a:off x="2775757" y="1964592"/>
          <a:ext cx="2524565" cy="107102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GB" sz="1800" kern="1200" dirty="0"/>
            <a:t>May be a commercial remedy against the client if they have promised to ensure accurate information is provided by outgoing service provider</a:t>
          </a:r>
          <a:endParaRPr lang="en-US" sz="1800" kern="1200" dirty="0"/>
        </a:p>
      </dsp:txBody>
      <dsp:txXfrm>
        <a:off x="2775757" y="1964592"/>
        <a:ext cx="2524565" cy="1071027"/>
      </dsp:txXfrm>
    </dsp:sp>
    <dsp:sp modelId="{1F9A10F6-C7F2-4DEC-B671-3923E8ADF29F}">
      <dsp:nvSpPr>
        <dsp:cNvPr id="0" name=""/>
        <dsp:cNvSpPr/>
      </dsp:nvSpPr>
      <dsp:spPr>
        <a:xfrm>
          <a:off x="5740209" y="1964592"/>
          <a:ext cx="1071027" cy="1071027"/>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A739B3B-114A-44B0-80DB-1C3F436CA2E5}">
      <dsp:nvSpPr>
        <dsp:cNvPr id="0" name=""/>
        <dsp:cNvSpPr/>
      </dsp:nvSpPr>
      <dsp:spPr>
        <a:xfrm>
          <a:off x="5965125" y="2189507"/>
          <a:ext cx="621196" cy="621196"/>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C02F83C6-DFA9-4551-8C0B-B554A9D56CE4}">
      <dsp:nvSpPr>
        <dsp:cNvPr id="0" name=""/>
        <dsp:cNvSpPr/>
      </dsp:nvSpPr>
      <dsp:spPr>
        <a:xfrm>
          <a:off x="7040743" y="1964592"/>
          <a:ext cx="2524565" cy="107102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GB" sz="1800" kern="1200" dirty="0"/>
            <a:t>Can engage with outgoing service provider post-transfer to try to obtain full details</a:t>
          </a:r>
          <a:endParaRPr lang="en-US" sz="1800" kern="1200" dirty="0"/>
        </a:p>
      </dsp:txBody>
      <dsp:txXfrm>
        <a:off x="7040743" y="1964592"/>
        <a:ext cx="2524565" cy="1071027"/>
      </dsp:txXfrm>
    </dsp:sp>
    <dsp:sp modelId="{30E0F034-7290-4FC5-9669-244D0FDD3B00}">
      <dsp:nvSpPr>
        <dsp:cNvPr id="0" name=""/>
        <dsp:cNvSpPr/>
      </dsp:nvSpPr>
      <dsp:spPr>
        <a:xfrm>
          <a:off x="1475223" y="3885656"/>
          <a:ext cx="1071027" cy="1071027"/>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9306C6F-1068-4985-89A5-B57B46C88E6E}">
      <dsp:nvSpPr>
        <dsp:cNvPr id="0" name=""/>
        <dsp:cNvSpPr/>
      </dsp:nvSpPr>
      <dsp:spPr>
        <a:xfrm>
          <a:off x="1700139" y="4110571"/>
          <a:ext cx="621196" cy="621196"/>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C9D160E-0424-4E1E-9692-03A61EF15CF0}">
      <dsp:nvSpPr>
        <dsp:cNvPr id="0" name=""/>
        <dsp:cNvSpPr/>
      </dsp:nvSpPr>
      <dsp:spPr>
        <a:xfrm>
          <a:off x="2775757" y="3885656"/>
          <a:ext cx="2524565" cy="107102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GB" sz="1800" kern="1200" dirty="0"/>
            <a:t>Engage with employees to fill gaps, explaining former employer may not have provided accurate information </a:t>
          </a:r>
          <a:endParaRPr lang="en-US" sz="1800" kern="1200" dirty="0"/>
        </a:p>
      </dsp:txBody>
      <dsp:txXfrm>
        <a:off x="2775757" y="3885656"/>
        <a:ext cx="2524565" cy="1071027"/>
      </dsp:txXfrm>
    </dsp:sp>
  </dsp:spTree>
</dsp:drawing>
</file>

<file path=ppt/diagrams/drawing1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E74CFC6-6FA4-4956-8D29-BFB808819409}">
      <dsp:nvSpPr>
        <dsp:cNvPr id="0" name=""/>
        <dsp:cNvSpPr/>
      </dsp:nvSpPr>
      <dsp:spPr>
        <a:xfrm>
          <a:off x="0" y="0"/>
          <a:ext cx="9217023" cy="1188132"/>
        </a:xfrm>
        <a:prstGeom prst="roundRect">
          <a:avLst>
            <a:gd name="adj" fmla="val 10000"/>
          </a:avLst>
        </a:prstGeom>
        <a:solidFill>
          <a:schemeClr val="lt1">
            <a:hueOff val="0"/>
            <a:satOff val="0"/>
            <a:lumOff val="0"/>
            <a:alphaOff val="0"/>
          </a:schemeClr>
        </a:solidFill>
        <a:ln w="38100" cap="flat" cmpd="sng" algn="ctr">
          <a:solidFill>
            <a:schemeClr val="accent2">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kern="1200" dirty="0"/>
            <a:t>Ask for more information from new service provider on employee’s concerns</a:t>
          </a:r>
        </a:p>
      </dsp:txBody>
      <dsp:txXfrm>
        <a:off x="34799" y="34799"/>
        <a:ext cx="7834539" cy="1118534"/>
      </dsp:txXfrm>
    </dsp:sp>
    <dsp:sp modelId="{62DD4010-D91F-4DCE-BD6B-07F1D26F900C}">
      <dsp:nvSpPr>
        <dsp:cNvPr id="0" name=""/>
        <dsp:cNvSpPr/>
      </dsp:nvSpPr>
      <dsp:spPr>
        <a:xfrm>
          <a:off x="771925" y="1404156"/>
          <a:ext cx="9217023" cy="1188132"/>
        </a:xfrm>
        <a:prstGeom prst="roundRect">
          <a:avLst>
            <a:gd name="adj" fmla="val 10000"/>
          </a:avLst>
        </a:prstGeom>
        <a:solidFill>
          <a:schemeClr val="lt1">
            <a:hueOff val="0"/>
            <a:satOff val="0"/>
            <a:lumOff val="0"/>
            <a:alphaOff val="0"/>
          </a:schemeClr>
        </a:solidFill>
        <a:ln w="38100" cap="flat" cmpd="sng" algn="ctr">
          <a:solidFill>
            <a:schemeClr val="accent2">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kern="1200" dirty="0"/>
            <a:t>Explain consequences of objection – no notice or redundancy payment</a:t>
          </a:r>
        </a:p>
      </dsp:txBody>
      <dsp:txXfrm>
        <a:off x="806724" y="1438955"/>
        <a:ext cx="7603213" cy="1118534"/>
      </dsp:txXfrm>
    </dsp:sp>
    <dsp:sp modelId="{3DF063F7-8215-406A-AACE-4F0C97B70D54}">
      <dsp:nvSpPr>
        <dsp:cNvPr id="0" name=""/>
        <dsp:cNvSpPr/>
      </dsp:nvSpPr>
      <dsp:spPr>
        <a:xfrm>
          <a:off x="1512144" y="2808312"/>
          <a:ext cx="9257393" cy="1188132"/>
        </a:xfrm>
        <a:prstGeom prst="roundRect">
          <a:avLst>
            <a:gd name="adj" fmla="val 10000"/>
          </a:avLst>
        </a:prstGeom>
        <a:solidFill>
          <a:schemeClr val="lt1">
            <a:hueOff val="0"/>
            <a:satOff val="0"/>
            <a:lumOff val="0"/>
            <a:alphaOff val="0"/>
          </a:schemeClr>
        </a:solidFill>
        <a:ln w="38100" cap="flat" cmpd="sng" algn="ctr">
          <a:solidFill>
            <a:schemeClr val="accent2">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GB" sz="1800" kern="1200" dirty="0"/>
            <a:t>Persuade employee to transfer and challenge new provider on proposed changes.</a:t>
          </a:r>
          <a:endParaRPr lang="en-US" sz="1800" kern="1200" dirty="0"/>
        </a:p>
      </dsp:txBody>
      <dsp:txXfrm>
        <a:off x="1546943" y="2843111"/>
        <a:ext cx="7648392" cy="1118534"/>
      </dsp:txXfrm>
    </dsp:sp>
    <dsp:sp modelId="{FC4CAB9A-8E7C-4B7E-9B9A-2472F349A220}">
      <dsp:nvSpPr>
        <dsp:cNvPr id="0" name=""/>
        <dsp:cNvSpPr/>
      </dsp:nvSpPr>
      <dsp:spPr>
        <a:xfrm>
          <a:off x="2304255" y="4212468"/>
          <a:ext cx="9217023" cy="1188132"/>
        </a:xfrm>
        <a:prstGeom prst="roundRect">
          <a:avLst>
            <a:gd name="adj" fmla="val 10000"/>
          </a:avLst>
        </a:prstGeom>
        <a:solidFill>
          <a:schemeClr val="lt1">
            <a:hueOff val="0"/>
            <a:satOff val="0"/>
            <a:lumOff val="0"/>
            <a:alphaOff val="0"/>
          </a:schemeClr>
        </a:solidFill>
        <a:ln w="38100" cap="flat" cmpd="sng" algn="ctr">
          <a:solidFill>
            <a:schemeClr val="accent2">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kern="1200" dirty="0"/>
            <a:t>Offer employee redeployment to another vacancy with outgoing provider?</a:t>
          </a:r>
        </a:p>
      </dsp:txBody>
      <dsp:txXfrm>
        <a:off x="2339054" y="4247267"/>
        <a:ext cx="7603213" cy="1118534"/>
      </dsp:txXfrm>
    </dsp:sp>
    <dsp:sp modelId="{B7357A65-41A2-4DE9-BDFE-AE01724FDFC7}">
      <dsp:nvSpPr>
        <dsp:cNvPr id="0" name=""/>
        <dsp:cNvSpPr/>
      </dsp:nvSpPr>
      <dsp:spPr>
        <a:xfrm>
          <a:off x="8444737" y="910001"/>
          <a:ext cx="772285" cy="772285"/>
        </a:xfrm>
        <a:prstGeom prst="downArrow">
          <a:avLst>
            <a:gd name="adj1" fmla="val 55000"/>
            <a:gd name="adj2" fmla="val 45000"/>
          </a:avLst>
        </a:prstGeom>
        <a:solidFill>
          <a:schemeClr val="lt1">
            <a:alpha val="90000"/>
            <a:tint val="40000"/>
            <a:hueOff val="0"/>
            <a:satOff val="0"/>
            <a:lumOff val="0"/>
            <a:alphaOff val="0"/>
          </a:schemeClr>
        </a:solidFill>
        <a:ln w="25400" cap="flat" cmpd="sng" algn="ctr">
          <a:solidFill>
            <a:schemeClr val="accent2">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endParaRPr lang="en-US" sz="3600" kern="1200" dirty="0"/>
        </a:p>
      </dsp:txBody>
      <dsp:txXfrm>
        <a:off x="8618501" y="910001"/>
        <a:ext cx="424757" cy="581144"/>
      </dsp:txXfrm>
    </dsp:sp>
    <dsp:sp modelId="{EA690EBE-AFAD-42DB-AB47-6EBE248F00C4}">
      <dsp:nvSpPr>
        <dsp:cNvPr id="0" name=""/>
        <dsp:cNvSpPr/>
      </dsp:nvSpPr>
      <dsp:spPr>
        <a:xfrm>
          <a:off x="9289033" y="2241021"/>
          <a:ext cx="772285" cy="772285"/>
        </a:xfrm>
        <a:prstGeom prst="downArrow">
          <a:avLst>
            <a:gd name="adj1" fmla="val 55000"/>
            <a:gd name="adj2" fmla="val 45000"/>
          </a:avLst>
        </a:prstGeom>
        <a:solidFill>
          <a:schemeClr val="lt1">
            <a:alpha val="90000"/>
            <a:tint val="40000"/>
            <a:hueOff val="0"/>
            <a:satOff val="0"/>
            <a:lumOff val="0"/>
            <a:alphaOff val="0"/>
          </a:schemeClr>
        </a:solidFill>
        <a:ln w="25400" cap="flat" cmpd="sng" algn="ctr">
          <a:solidFill>
            <a:schemeClr val="accent2">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endParaRPr lang="en-US" sz="3600" kern="1200" dirty="0"/>
        </a:p>
      </dsp:txBody>
      <dsp:txXfrm>
        <a:off x="9462797" y="2241021"/>
        <a:ext cx="424757" cy="581144"/>
      </dsp:txXfrm>
    </dsp:sp>
    <dsp:sp modelId="{3928831A-2C7B-4FF3-AE2B-522457A4AE60}">
      <dsp:nvSpPr>
        <dsp:cNvPr id="0" name=""/>
        <dsp:cNvSpPr/>
      </dsp:nvSpPr>
      <dsp:spPr>
        <a:xfrm>
          <a:off x="9977067" y="3718313"/>
          <a:ext cx="772285" cy="772285"/>
        </a:xfrm>
        <a:prstGeom prst="downArrow">
          <a:avLst>
            <a:gd name="adj1" fmla="val 55000"/>
            <a:gd name="adj2" fmla="val 45000"/>
          </a:avLst>
        </a:prstGeom>
        <a:solidFill>
          <a:schemeClr val="lt1">
            <a:alpha val="90000"/>
            <a:tint val="40000"/>
            <a:hueOff val="0"/>
            <a:satOff val="0"/>
            <a:lumOff val="0"/>
            <a:alphaOff val="0"/>
          </a:schemeClr>
        </a:solidFill>
        <a:ln w="25400" cap="flat" cmpd="sng" algn="ctr">
          <a:solidFill>
            <a:schemeClr val="accent2">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endParaRPr lang="en-US" sz="3600" kern="1200" dirty="0"/>
        </a:p>
      </dsp:txBody>
      <dsp:txXfrm>
        <a:off x="10150831" y="3718313"/>
        <a:ext cx="424757" cy="581144"/>
      </dsp:txXfrm>
    </dsp:sp>
  </dsp:spTree>
</dsp:drawing>
</file>

<file path=ppt/diagrams/drawing1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7C4C3A0-0B58-4C40-AFA4-250D72A3CB3A}">
      <dsp:nvSpPr>
        <dsp:cNvPr id="0" name=""/>
        <dsp:cNvSpPr/>
      </dsp:nvSpPr>
      <dsp:spPr>
        <a:xfrm>
          <a:off x="1736536" y="107010"/>
          <a:ext cx="1275209" cy="1275209"/>
        </a:xfrm>
        <a:prstGeom prst="ellipse">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A96AA58-7776-4C33-A6F4-7CF1EEC5CA2A}">
      <dsp:nvSpPr>
        <dsp:cNvPr id="0" name=""/>
        <dsp:cNvSpPr/>
      </dsp:nvSpPr>
      <dsp:spPr>
        <a:xfrm>
          <a:off x="2004330" y="374804"/>
          <a:ext cx="739621" cy="739621"/>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95EB18BF-ECF0-4C53-8538-694391490204}">
      <dsp:nvSpPr>
        <dsp:cNvPr id="0" name=""/>
        <dsp:cNvSpPr/>
      </dsp:nvSpPr>
      <dsp:spPr>
        <a:xfrm>
          <a:off x="3285004" y="107010"/>
          <a:ext cx="3005850" cy="127520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GB" sz="1600" kern="1200" dirty="0"/>
            <a:t>Client may formally “remind” outgoing supplier of their “standstill” obligations</a:t>
          </a:r>
          <a:endParaRPr lang="en-US" sz="1600" kern="1200" dirty="0"/>
        </a:p>
      </dsp:txBody>
      <dsp:txXfrm>
        <a:off x="3285004" y="107010"/>
        <a:ext cx="3005850" cy="1275209"/>
      </dsp:txXfrm>
    </dsp:sp>
    <dsp:sp modelId="{84933ED8-15A1-430F-BE11-BB77A694E724}">
      <dsp:nvSpPr>
        <dsp:cNvPr id="0" name=""/>
        <dsp:cNvSpPr/>
      </dsp:nvSpPr>
      <dsp:spPr>
        <a:xfrm>
          <a:off x="6814601" y="107010"/>
          <a:ext cx="1275209" cy="1275209"/>
        </a:xfrm>
        <a:prstGeom prst="ellipse">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19F1B58-AAFB-4579-9938-23C84F5A8B53}">
      <dsp:nvSpPr>
        <dsp:cNvPr id="0" name=""/>
        <dsp:cNvSpPr/>
      </dsp:nvSpPr>
      <dsp:spPr>
        <a:xfrm>
          <a:off x="7082395" y="374804"/>
          <a:ext cx="739621" cy="739621"/>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4B824084-85A2-4E94-913F-0FFC23A94D4A}">
      <dsp:nvSpPr>
        <dsp:cNvPr id="0" name=""/>
        <dsp:cNvSpPr/>
      </dsp:nvSpPr>
      <dsp:spPr>
        <a:xfrm>
          <a:off x="8363069" y="107010"/>
          <a:ext cx="3005850" cy="127520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GB" sz="1600" kern="1200" dirty="0"/>
            <a:t>New service provider may inherit changes which may increase employment costs beyond those envisaged in tender</a:t>
          </a:r>
          <a:endParaRPr lang="en-US" sz="1600" kern="1200" dirty="0"/>
        </a:p>
      </dsp:txBody>
      <dsp:txXfrm>
        <a:off x="8363069" y="107010"/>
        <a:ext cx="3005850" cy="1275209"/>
      </dsp:txXfrm>
    </dsp:sp>
    <dsp:sp modelId="{43C94412-C7D5-4C9F-8E91-8EB1BFBC1F11}">
      <dsp:nvSpPr>
        <dsp:cNvPr id="0" name=""/>
        <dsp:cNvSpPr/>
      </dsp:nvSpPr>
      <dsp:spPr>
        <a:xfrm>
          <a:off x="1732187" y="2058675"/>
          <a:ext cx="1275209" cy="1275209"/>
        </a:xfrm>
        <a:prstGeom prst="ellipse">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347ED5B-F364-4B80-B08E-34C7DCA5C264}">
      <dsp:nvSpPr>
        <dsp:cNvPr id="0" name=""/>
        <dsp:cNvSpPr/>
      </dsp:nvSpPr>
      <dsp:spPr>
        <a:xfrm>
          <a:off x="1982607" y="2309084"/>
          <a:ext cx="739621" cy="739621"/>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CF2B808C-79F4-4D14-8B75-8CD54A98DA05}">
      <dsp:nvSpPr>
        <dsp:cNvPr id="0" name=""/>
        <dsp:cNvSpPr/>
      </dsp:nvSpPr>
      <dsp:spPr>
        <a:xfrm>
          <a:off x="3312357" y="2160246"/>
          <a:ext cx="3005850" cy="127520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GB" sz="1600" kern="1200" dirty="0"/>
            <a:t>New service provider may be able to argue changes are void under TUPE</a:t>
          </a:r>
          <a:endParaRPr lang="en-US" sz="1600" kern="1200" dirty="0"/>
        </a:p>
      </dsp:txBody>
      <dsp:txXfrm>
        <a:off x="3312357" y="2160246"/>
        <a:ext cx="3005850" cy="1275209"/>
      </dsp:txXfrm>
    </dsp:sp>
    <dsp:sp modelId="{62F4586B-4B16-483C-B912-CCC6CC34CA0A}">
      <dsp:nvSpPr>
        <dsp:cNvPr id="0" name=""/>
        <dsp:cNvSpPr/>
      </dsp:nvSpPr>
      <dsp:spPr>
        <a:xfrm>
          <a:off x="6840755" y="2036793"/>
          <a:ext cx="1275209" cy="1275209"/>
        </a:xfrm>
        <a:prstGeom prst="ellipse">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080811F-2408-4138-8708-6DD9D164C10F}">
      <dsp:nvSpPr>
        <dsp:cNvPr id="0" name=""/>
        <dsp:cNvSpPr/>
      </dsp:nvSpPr>
      <dsp:spPr>
        <a:xfrm>
          <a:off x="7056782" y="2304254"/>
          <a:ext cx="739621" cy="739621"/>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4585F7B-C88E-4091-B5AE-7F44FCAA4DC3}">
      <dsp:nvSpPr>
        <dsp:cNvPr id="0" name=""/>
        <dsp:cNvSpPr/>
      </dsp:nvSpPr>
      <dsp:spPr>
        <a:xfrm>
          <a:off x="8352939" y="2088235"/>
          <a:ext cx="3005850" cy="127520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GB" sz="1600" kern="1200" dirty="0"/>
            <a:t>New service provider may have a commercial claim against the client if information provided is inaccurate because of the changes</a:t>
          </a:r>
          <a:endParaRPr lang="en-US" sz="1600" kern="1200" dirty="0"/>
        </a:p>
      </dsp:txBody>
      <dsp:txXfrm>
        <a:off x="8352939" y="2088235"/>
        <a:ext cx="3005850" cy="1275209"/>
      </dsp:txXfrm>
    </dsp:sp>
    <dsp:sp modelId="{4017FBFD-3517-4DF4-A012-071B366F6DDE}">
      <dsp:nvSpPr>
        <dsp:cNvPr id="0" name=""/>
        <dsp:cNvSpPr/>
      </dsp:nvSpPr>
      <dsp:spPr>
        <a:xfrm>
          <a:off x="4173766" y="3929964"/>
          <a:ext cx="1275209" cy="1275209"/>
        </a:xfrm>
        <a:prstGeom prst="ellipse">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46CA40A-83BB-4570-AA7C-DDA724853689}">
      <dsp:nvSpPr>
        <dsp:cNvPr id="0" name=""/>
        <dsp:cNvSpPr/>
      </dsp:nvSpPr>
      <dsp:spPr>
        <a:xfrm>
          <a:off x="4424178" y="4289923"/>
          <a:ext cx="739621" cy="739621"/>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F4D87FE-694A-4685-ABD7-48BD14D98FA5}">
      <dsp:nvSpPr>
        <dsp:cNvPr id="0" name=""/>
        <dsp:cNvSpPr/>
      </dsp:nvSpPr>
      <dsp:spPr>
        <a:xfrm>
          <a:off x="5613666" y="3929964"/>
          <a:ext cx="3005850" cy="127520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711200">
            <a:lnSpc>
              <a:spcPct val="90000"/>
            </a:lnSpc>
            <a:spcBef>
              <a:spcPct val="0"/>
            </a:spcBef>
            <a:spcAft>
              <a:spcPct val="35000"/>
            </a:spcAft>
            <a:buNone/>
          </a:pPr>
          <a:r>
            <a:rPr lang="en-GB" sz="1600" kern="1200" dirty="0"/>
            <a:t>Client and new service provider may have a commercial remedy against outgoing service provider</a:t>
          </a:r>
          <a:endParaRPr lang="en-US" sz="1600" kern="1200" dirty="0"/>
        </a:p>
      </dsp:txBody>
      <dsp:txXfrm>
        <a:off x="5613666" y="3929964"/>
        <a:ext cx="3005850" cy="1275209"/>
      </dsp:txXfrm>
    </dsp:sp>
  </dsp:spTree>
</dsp:drawing>
</file>

<file path=ppt/diagrams/drawing1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A91DAAC-3A77-4A72-846C-D3C5125B2C2A}">
      <dsp:nvSpPr>
        <dsp:cNvPr id="0" name=""/>
        <dsp:cNvSpPr/>
      </dsp:nvSpPr>
      <dsp:spPr>
        <a:xfrm>
          <a:off x="17439" y="586568"/>
          <a:ext cx="3363295" cy="3891977"/>
        </a:xfrm>
        <a:prstGeom prst="round2SameRect">
          <a:avLst>
            <a:gd name="adj1" fmla="val 8000"/>
            <a:gd name="adj2" fmla="val 0"/>
          </a:avLst>
        </a:prstGeom>
        <a:solidFill>
          <a:schemeClr val="lt1">
            <a:alpha val="90000"/>
            <a:hueOff val="0"/>
            <a:satOff val="0"/>
            <a:lumOff val="0"/>
            <a:alphaOff val="0"/>
          </a:schemeClr>
        </a:solidFill>
        <a:ln w="25400" cap="flat" cmpd="sng" algn="ctr">
          <a:solidFill>
            <a:schemeClr val="accent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9050" tIns="57150" rIns="19050" bIns="19050" numCol="1" spcCol="1270" anchor="t" anchorCtr="0">
          <a:noAutofit/>
        </a:bodyPr>
        <a:lstStyle/>
        <a:p>
          <a:pPr marL="114300" lvl="1" indent="-114300" algn="l" defTabSz="666750">
            <a:lnSpc>
              <a:spcPct val="90000"/>
            </a:lnSpc>
            <a:spcBef>
              <a:spcPts val="600"/>
            </a:spcBef>
            <a:spcAft>
              <a:spcPct val="15000"/>
            </a:spcAft>
            <a:buChar char="•"/>
          </a:pPr>
          <a:r>
            <a:rPr lang="en-GB" sz="1500" kern="1200" dirty="0"/>
            <a:t>TUPE may affect pricing of bids</a:t>
          </a:r>
        </a:p>
        <a:p>
          <a:pPr marL="114300" lvl="1" indent="-114300" algn="l" defTabSz="666750">
            <a:lnSpc>
              <a:spcPct val="90000"/>
            </a:lnSpc>
            <a:spcBef>
              <a:spcPts val="600"/>
            </a:spcBef>
            <a:spcAft>
              <a:spcPct val="15000"/>
            </a:spcAft>
            <a:buChar char="•"/>
          </a:pPr>
          <a:r>
            <a:rPr lang="en-GB" sz="1500" kern="1200" dirty="0"/>
            <a:t>Wants service change process to be smooth</a:t>
          </a:r>
        </a:p>
        <a:p>
          <a:pPr marL="114300" lvl="1" indent="-114300" algn="l" defTabSz="666750">
            <a:lnSpc>
              <a:spcPct val="90000"/>
            </a:lnSpc>
            <a:spcBef>
              <a:spcPts val="600"/>
            </a:spcBef>
            <a:spcAft>
              <a:spcPct val="15000"/>
            </a:spcAft>
            <a:buChar char="•"/>
          </a:pPr>
          <a:r>
            <a:rPr lang="en-GB" sz="1500" kern="1200" dirty="0"/>
            <a:t>May mediate issues between outgoing and new service providers</a:t>
          </a:r>
        </a:p>
        <a:p>
          <a:pPr marL="114300" lvl="1" indent="-114300" algn="l" defTabSz="666750">
            <a:lnSpc>
              <a:spcPct val="90000"/>
            </a:lnSpc>
            <a:spcBef>
              <a:spcPts val="600"/>
            </a:spcBef>
            <a:spcAft>
              <a:spcPct val="15000"/>
            </a:spcAft>
            <a:buChar char="•"/>
          </a:pPr>
          <a:r>
            <a:rPr lang="en-GB" sz="1500" kern="1200" dirty="0"/>
            <a:t>May never have employed assigned staff, but may be commercially  liable</a:t>
          </a:r>
        </a:p>
        <a:p>
          <a:pPr marL="114300" lvl="1" indent="-114300" algn="l" defTabSz="666750">
            <a:lnSpc>
              <a:spcPct val="90000"/>
            </a:lnSpc>
            <a:spcBef>
              <a:spcPts val="600"/>
            </a:spcBef>
            <a:spcAft>
              <a:spcPct val="15000"/>
            </a:spcAft>
            <a:buChar char="•"/>
          </a:pPr>
          <a:r>
            <a:rPr lang="en-GB" sz="1500" kern="1200" dirty="0"/>
            <a:t>Check services agreement with outgoing provider – what have they already agreed to?</a:t>
          </a:r>
        </a:p>
        <a:p>
          <a:pPr marL="114300" lvl="1" indent="-114300" algn="l" defTabSz="666750">
            <a:lnSpc>
              <a:spcPct val="90000"/>
            </a:lnSpc>
            <a:spcBef>
              <a:spcPts val="600"/>
            </a:spcBef>
            <a:spcAft>
              <a:spcPct val="15000"/>
            </a:spcAft>
            <a:buChar char="•"/>
          </a:pPr>
          <a:r>
            <a:rPr lang="en-GB" sz="1500" kern="1200" dirty="0"/>
            <a:t>Negotiate entry and exit provisions with new service provider – ensure back to back indemnities</a:t>
          </a:r>
        </a:p>
      </dsp:txBody>
      <dsp:txXfrm>
        <a:off x="96245" y="665374"/>
        <a:ext cx="3205683" cy="3813171"/>
      </dsp:txXfrm>
    </dsp:sp>
    <dsp:sp modelId="{4CB19A4F-FF3D-4FDC-82D5-314DF714EC95}">
      <dsp:nvSpPr>
        <dsp:cNvPr id="0" name=""/>
        <dsp:cNvSpPr/>
      </dsp:nvSpPr>
      <dsp:spPr>
        <a:xfrm>
          <a:off x="0" y="4648097"/>
          <a:ext cx="3363295" cy="1079570"/>
        </a:xfrm>
        <a:prstGeom prst="rect">
          <a:avLst/>
        </a:prstGeom>
        <a:solidFill>
          <a:schemeClr val="accent1">
            <a:shade val="80000"/>
            <a:hueOff val="0"/>
            <a:satOff val="0"/>
            <a:lumOff val="0"/>
            <a:alphaOff val="0"/>
          </a:schemeClr>
        </a:solidFill>
        <a:ln w="25400" cap="flat" cmpd="sng" algn="ctr">
          <a:solidFill>
            <a:schemeClr val="accent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56210" tIns="0" rIns="52070" bIns="0" numCol="1" spcCol="1270" anchor="ctr" anchorCtr="0">
          <a:noAutofit/>
        </a:bodyPr>
        <a:lstStyle/>
        <a:p>
          <a:pPr marL="0" lvl="0" indent="0" algn="l" defTabSz="1822450">
            <a:lnSpc>
              <a:spcPct val="90000"/>
            </a:lnSpc>
            <a:spcBef>
              <a:spcPct val="0"/>
            </a:spcBef>
            <a:spcAft>
              <a:spcPct val="35000"/>
            </a:spcAft>
            <a:buNone/>
          </a:pPr>
          <a:r>
            <a:rPr lang="en-GB" sz="4100" kern="1200" dirty="0"/>
            <a:t>Client </a:t>
          </a:r>
        </a:p>
      </dsp:txBody>
      <dsp:txXfrm>
        <a:off x="0" y="4648097"/>
        <a:ext cx="2368518" cy="1079570"/>
      </dsp:txXfrm>
    </dsp:sp>
    <dsp:sp modelId="{906D33C3-22F5-4B46-A945-07B777E74F16}">
      <dsp:nvSpPr>
        <dsp:cNvPr id="0" name=""/>
        <dsp:cNvSpPr/>
      </dsp:nvSpPr>
      <dsp:spPr>
        <a:xfrm>
          <a:off x="2453684" y="4559305"/>
          <a:ext cx="1177153" cy="1177153"/>
        </a:xfrm>
        <a:prstGeom prst="ellipse">
          <a:avLst/>
        </a:prstGeom>
        <a:blipFill>
          <a:blip xmlns:r="http://schemas.openxmlformats.org/officeDocument/2006/relationships" r:embed="rId1"/>
          <a:srcRect/>
          <a:stretch>
            <a:fillRect l="-25000" r="-25000"/>
          </a:stretch>
        </a:blip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138171F9-104B-434F-9DB5-2139B1087A97}">
      <dsp:nvSpPr>
        <dsp:cNvPr id="0" name=""/>
        <dsp:cNvSpPr/>
      </dsp:nvSpPr>
      <dsp:spPr>
        <a:xfrm>
          <a:off x="4006994" y="514375"/>
          <a:ext cx="3363295" cy="4036639"/>
        </a:xfrm>
        <a:prstGeom prst="round2SameRect">
          <a:avLst>
            <a:gd name="adj1" fmla="val 8000"/>
            <a:gd name="adj2" fmla="val 0"/>
          </a:avLst>
        </a:prstGeom>
        <a:solidFill>
          <a:schemeClr val="lt1">
            <a:alpha val="90000"/>
            <a:hueOff val="0"/>
            <a:satOff val="0"/>
            <a:lumOff val="0"/>
            <a:alphaOff val="0"/>
          </a:schemeClr>
        </a:solidFill>
        <a:ln w="25400" cap="flat" cmpd="sng" algn="ctr">
          <a:solidFill>
            <a:schemeClr val="accent1">
              <a:shade val="80000"/>
              <a:hueOff val="-63619"/>
              <a:satOff val="-31177"/>
              <a:lumOff val="18835"/>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9050" tIns="57150" rIns="19050" bIns="19050" numCol="1" spcCol="1270" anchor="t" anchorCtr="0">
          <a:noAutofi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Likely to favour TUPE applying</a:t>
          </a:r>
        </a:p>
        <a:p>
          <a:pPr marL="114300" lvl="1" indent="-114300" algn="l" defTabSz="622300">
            <a:lnSpc>
              <a:spcPct val="90000"/>
            </a:lnSpc>
            <a:spcBef>
              <a:spcPts val="600"/>
            </a:spcBef>
            <a:spcAft>
              <a:spcPct val="15000"/>
            </a:spcAft>
            <a:buChar char="•"/>
          </a:pPr>
          <a:r>
            <a:rPr lang="en-US" sz="1500" kern="1200" dirty="0">
              <a:solidFill>
                <a:prstClr val="black">
                  <a:hueOff val="0"/>
                  <a:satOff val="0"/>
                  <a:lumOff val="0"/>
                  <a:alphaOff val="0"/>
                </a:prstClr>
              </a:solidFill>
              <a:latin typeface="Arial"/>
              <a:ea typeface="ＭＳ Ｐゴシック"/>
              <a:cs typeface="+mn-cs"/>
            </a:rPr>
            <a:t>May want to </a:t>
          </a:r>
          <a:r>
            <a:rPr lang="en-US" sz="1500" kern="1200" dirty="0" err="1">
              <a:solidFill>
                <a:prstClr val="black">
                  <a:hueOff val="0"/>
                  <a:satOff val="0"/>
                  <a:lumOff val="0"/>
                  <a:alphaOff val="0"/>
                </a:prstClr>
              </a:solidFill>
              <a:latin typeface="Arial"/>
              <a:ea typeface="ＭＳ Ｐゴシック"/>
              <a:cs typeface="+mn-cs"/>
            </a:rPr>
            <a:t>organise</a:t>
          </a:r>
          <a:r>
            <a:rPr lang="en-US" sz="1500" kern="1200" dirty="0">
              <a:solidFill>
                <a:prstClr val="black">
                  <a:hueOff val="0"/>
                  <a:satOff val="0"/>
                  <a:lumOff val="0"/>
                  <a:alphaOff val="0"/>
                </a:prstClr>
              </a:solidFill>
              <a:latin typeface="Arial"/>
              <a:ea typeface="ＭＳ Ｐゴシック"/>
              <a:cs typeface="+mn-cs"/>
            </a:rPr>
            <a:t> workforce so employees are assigned and in an </a:t>
          </a:r>
          <a:r>
            <a:rPr lang="en-US" sz="1500" kern="1200" dirty="0" err="1">
              <a:solidFill>
                <a:prstClr val="black">
                  <a:hueOff val="0"/>
                  <a:satOff val="0"/>
                  <a:lumOff val="0"/>
                  <a:alphaOff val="0"/>
                </a:prstClr>
              </a:solidFill>
              <a:latin typeface="Arial"/>
              <a:ea typeface="ＭＳ Ｐゴシック"/>
              <a:cs typeface="+mn-cs"/>
            </a:rPr>
            <a:t>organised</a:t>
          </a:r>
          <a:r>
            <a:rPr lang="en-US" sz="1500" kern="1200" dirty="0">
              <a:solidFill>
                <a:prstClr val="black">
                  <a:hueOff val="0"/>
                  <a:satOff val="0"/>
                  <a:lumOff val="0"/>
                  <a:alphaOff val="0"/>
                </a:prstClr>
              </a:solidFill>
              <a:latin typeface="Arial"/>
              <a:ea typeface="ＭＳ Ｐゴシック"/>
              <a:cs typeface="+mn-cs"/>
            </a:rPr>
            <a:t> grouping</a:t>
          </a:r>
          <a:endParaRPr lang="en-GB" sz="1500" kern="1200" dirty="0">
            <a:solidFill>
              <a:prstClr val="black">
                <a:hueOff val="0"/>
                <a:satOff val="0"/>
                <a:lumOff val="0"/>
                <a:alphaOff val="0"/>
              </a:prstClr>
            </a:solidFill>
            <a:latin typeface="Arial"/>
            <a:ea typeface="ＭＳ Ｐゴシック"/>
            <a:cs typeface="+mn-cs"/>
          </a:endParaRP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nsure accuracy of list of transferring employees</a:t>
          </a: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nsure all information provision obligations are complied with</a:t>
          </a: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nsure standstill provisions are complied with</a:t>
          </a: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Comply with TUPE information and consultation obligations</a:t>
          </a: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stablish direct contact with new service provider over practical arrangements</a:t>
          </a:r>
        </a:p>
      </dsp:txBody>
      <dsp:txXfrm>
        <a:off x="4085800" y="593181"/>
        <a:ext cx="3205683" cy="3957833"/>
      </dsp:txXfrm>
    </dsp:sp>
    <dsp:sp modelId="{6B72082A-2D3B-411C-A023-723F822CA728}">
      <dsp:nvSpPr>
        <dsp:cNvPr id="0" name=""/>
        <dsp:cNvSpPr/>
      </dsp:nvSpPr>
      <dsp:spPr>
        <a:xfrm>
          <a:off x="4006994" y="4707668"/>
          <a:ext cx="3363295" cy="1079570"/>
        </a:xfrm>
        <a:prstGeom prst="rect">
          <a:avLst/>
        </a:prstGeom>
        <a:solidFill>
          <a:schemeClr val="accent1">
            <a:shade val="80000"/>
            <a:hueOff val="-63619"/>
            <a:satOff val="-31177"/>
            <a:lumOff val="18835"/>
            <a:alphaOff val="0"/>
          </a:schemeClr>
        </a:solidFill>
        <a:ln w="25400" cap="flat" cmpd="sng" algn="ctr">
          <a:solidFill>
            <a:schemeClr val="accent1">
              <a:shade val="80000"/>
              <a:hueOff val="-63619"/>
              <a:satOff val="-31177"/>
              <a:lumOff val="18835"/>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56210" tIns="0" rIns="52070" bIns="0" numCol="1" spcCol="1270" anchor="ctr" anchorCtr="0">
          <a:noAutofit/>
        </a:bodyPr>
        <a:lstStyle/>
        <a:p>
          <a:pPr marL="0" lvl="0" indent="0" algn="l" defTabSz="1822450">
            <a:lnSpc>
              <a:spcPct val="90000"/>
            </a:lnSpc>
            <a:spcBef>
              <a:spcPct val="0"/>
            </a:spcBef>
            <a:spcAft>
              <a:spcPct val="35000"/>
            </a:spcAft>
            <a:buNone/>
          </a:pPr>
          <a:r>
            <a:rPr lang="en-GB" sz="4100" kern="1200" dirty="0"/>
            <a:t>Outgoing provider</a:t>
          </a:r>
        </a:p>
      </dsp:txBody>
      <dsp:txXfrm>
        <a:off x="4006994" y="4707668"/>
        <a:ext cx="2368518" cy="1079570"/>
      </dsp:txXfrm>
    </dsp:sp>
    <dsp:sp modelId="{000A016A-D2A5-40A9-B1C4-D49AE9120AFE}">
      <dsp:nvSpPr>
        <dsp:cNvPr id="0" name=""/>
        <dsp:cNvSpPr/>
      </dsp:nvSpPr>
      <dsp:spPr>
        <a:xfrm>
          <a:off x="6414122" y="4608514"/>
          <a:ext cx="1177153" cy="1177153"/>
        </a:xfrm>
        <a:prstGeom prst="ellipse">
          <a:avLst/>
        </a:prstGeom>
        <a:blipFill rotWithShape="1">
          <a:blip xmlns:r="http://schemas.openxmlformats.org/officeDocument/2006/relationships" r:embed="rId1"/>
          <a:srcRect/>
          <a:stretch>
            <a:fillRect l="-25000" r="-25000"/>
          </a:stretch>
        </a:blip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628DBDCF-1A6D-46A3-AF6D-6B5156CF8743}">
      <dsp:nvSpPr>
        <dsp:cNvPr id="0" name=""/>
        <dsp:cNvSpPr/>
      </dsp:nvSpPr>
      <dsp:spPr>
        <a:xfrm>
          <a:off x="7848867" y="534692"/>
          <a:ext cx="3363295" cy="3923736"/>
        </a:xfrm>
        <a:prstGeom prst="round2SameRect">
          <a:avLst>
            <a:gd name="adj1" fmla="val 8000"/>
            <a:gd name="adj2" fmla="val 0"/>
          </a:avLst>
        </a:prstGeom>
        <a:solidFill>
          <a:schemeClr val="lt1">
            <a:alpha val="90000"/>
            <a:hueOff val="0"/>
            <a:satOff val="0"/>
            <a:lumOff val="0"/>
            <a:alphaOff val="0"/>
          </a:schemeClr>
        </a:solidFill>
        <a:ln w="25400" cap="flat" cmpd="sng" algn="ctr">
          <a:solidFill>
            <a:schemeClr val="accent1">
              <a:shade val="80000"/>
              <a:hueOff val="-127238"/>
              <a:satOff val="-62354"/>
              <a:lumOff val="3767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9050" tIns="57150" rIns="19050" bIns="19050" numCol="1" spcCol="1270" anchor="t" anchorCtr="0">
          <a:noAutofit/>
        </a:bodyPr>
        <a:lstStyle/>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Factor employment costs into bid</a:t>
          </a: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Challenge list of transferring employees if inaccuracies suspected  </a:t>
          </a: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Check standstill obligations on outgoing provider are complied with </a:t>
          </a: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Establish direct contact with outgoing service provider over practical arrangements</a:t>
          </a: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Communicate with outgoing provider over any measures which will affect transferring employees’ employment</a:t>
          </a:r>
        </a:p>
        <a:p>
          <a:pPr marL="114300" lvl="1" indent="-114300" algn="l" defTabSz="622300">
            <a:lnSpc>
              <a:spcPct val="90000"/>
            </a:lnSpc>
            <a:spcBef>
              <a:spcPts val="600"/>
            </a:spcBef>
            <a:spcAft>
              <a:spcPct val="15000"/>
            </a:spcAft>
            <a:buChar char="•"/>
          </a:pPr>
          <a:r>
            <a:rPr lang="en-GB" sz="1500" kern="1200" dirty="0">
              <a:solidFill>
                <a:prstClr val="black">
                  <a:hueOff val="0"/>
                  <a:satOff val="0"/>
                  <a:lumOff val="0"/>
                  <a:alphaOff val="0"/>
                </a:prstClr>
              </a:solidFill>
              <a:latin typeface="Arial"/>
              <a:ea typeface="ＭＳ Ｐゴシック"/>
              <a:cs typeface="+mn-cs"/>
            </a:rPr>
            <a:t>Negotiate commercial protections and exit provisions for future clarity</a:t>
          </a:r>
        </a:p>
      </dsp:txBody>
      <dsp:txXfrm>
        <a:off x="7927673" y="613498"/>
        <a:ext cx="3205683" cy="3844930"/>
      </dsp:txXfrm>
    </dsp:sp>
    <dsp:sp modelId="{F7276558-5C87-47C1-B20C-8489C7287727}">
      <dsp:nvSpPr>
        <dsp:cNvPr id="0" name=""/>
        <dsp:cNvSpPr/>
      </dsp:nvSpPr>
      <dsp:spPr>
        <a:xfrm>
          <a:off x="7848867" y="4714129"/>
          <a:ext cx="3363295" cy="1079570"/>
        </a:xfrm>
        <a:prstGeom prst="rect">
          <a:avLst/>
        </a:prstGeom>
        <a:solidFill>
          <a:schemeClr val="accent1">
            <a:shade val="80000"/>
            <a:hueOff val="-127238"/>
            <a:satOff val="-62354"/>
            <a:lumOff val="37670"/>
            <a:alphaOff val="0"/>
          </a:schemeClr>
        </a:solidFill>
        <a:ln w="25400" cap="flat" cmpd="sng" algn="ctr">
          <a:solidFill>
            <a:schemeClr val="accent1">
              <a:shade val="80000"/>
              <a:hueOff val="-127238"/>
              <a:satOff val="-62354"/>
              <a:lumOff val="3767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56210" tIns="0" rIns="52070" bIns="0" numCol="1" spcCol="1270" anchor="ctr" anchorCtr="0">
          <a:noAutofit/>
        </a:bodyPr>
        <a:lstStyle/>
        <a:p>
          <a:pPr marL="0" lvl="0" indent="0" algn="l" defTabSz="1822450">
            <a:lnSpc>
              <a:spcPct val="90000"/>
            </a:lnSpc>
            <a:spcBef>
              <a:spcPct val="0"/>
            </a:spcBef>
            <a:spcAft>
              <a:spcPct val="35000"/>
            </a:spcAft>
            <a:buNone/>
          </a:pPr>
          <a:r>
            <a:rPr lang="en-GB" sz="4100" kern="1200" dirty="0"/>
            <a:t>New provider</a:t>
          </a:r>
        </a:p>
      </dsp:txBody>
      <dsp:txXfrm>
        <a:off x="7848867" y="4714129"/>
        <a:ext cx="2368518" cy="1079570"/>
      </dsp:txXfrm>
    </dsp:sp>
    <dsp:sp modelId="{9CA959A9-06AF-4E50-95F4-1F9B6C8EC925}">
      <dsp:nvSpPr>
        <dsp:cNvPr id="0" name=""/>
        <dsp:cNvSpPr/>
      </dsp:nvSpPr>
      <dsp:spPr>
        <a:xfrm>
          <a:off x="10344126" y="4590506"/>
          <a:ext cx="1177153" cy="1177153"/>
        </a:xfrm>
        <a:prstGeom prst="ellipse">
          <a:avLst/>
        </a:prstGeom>
        <a:blipFill rotWithShape="1">
          <a:blip xmlns:r="http://schemas.openxmlformats.org/officeDocument/2006/relationships" r:embed="rId1"/>
          <a:srcRect/>
          <a:stretch>
            <a:fillRect l="-25000" r="-25000"/>
          </a:stretch>
        </a:blip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D392680-6658-4F8E-84BD-EA6F27A00D78}">
      <dsp:nvSpPr>
        <dsp:cNvPr id="0" name=""/>
        <dsp:cNvSpPr/>
      </dsp:nvSpPr>
      <dsp:spPr>
        <a:xfrm>
          <a:off x="0" y="0"/>
          <a:ext cx="2612540" cy="1152128"/>
        </a:xfrm>
        <a:prstGeom prst="roundRect">
          <a:avLst>
            <a:gd name="adj" fmla="val 10000"/>
          </a:avLst>
        </a:prstGeom>
        <a:solidFill>
          <a:schemeClr val="lt1">
            <a:hueOff val="0"/>
            <a:satOff val="0"/>
            <a:lumOff val="0"/>
            <a:alphaOff val="0"/>
          </a:schemeClr>
        </a:solidFill>
        <a:ln w="25400" cap="flat" cmpd="sng" algn="ctr">
          <a:solidFill>
            <a:schemeClr val="accent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GB" sz="2500" kern="1200" dirty="0"/>
            <a:t>Client / outgoing service provider</a:t>
          </a:r>
        </a:p>
      </dsp:txBody>
      <dsp:txXfrm>
        <a:off x="33745" y="33745"/>
        <a:ext cx="2545050" cy="1084638"/>
      </dsp:txXfrm>
    </dsp:sp>
    <dsp:sp modelId="{55F293C8-7206-4F66-BA85-F9C938D1307E}">
      <dsp:nvSpPr>
        <dsp:cNvPr id="0" name=""/>
        <dsp:cNvSpPr/>
      </dsp:nvSpPr>
      <dsp:spPr>
        <a:xfrm>
          <a:off x="2694780" y="252109"/>
          <a:ext cx="914887" cy="647909"/>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89000">
            <a:lnSpc>
              <a:spcPct val="90000"/>
            </a:lnSpc>
            <a:spcBef>
              <a:spcPct val="0"/>
            </a:spcBef>
            <a:spcAft>
              <a:spcPct val="35000"/>
            </a:spcAft>
            <a:buNone/>
          </a:pPr>
          <a:endParaRPr lang="en-GB" sz="2000" kern="1200"/>
        </a:p>
      </dsp:txBody>
      <dsp:txXfrm>
        <a:off x="2694780" y="381691"/>
        <a:ext cx="720514" cy="388745"/>
      </dsp:txXfrm>
    </dsp:sp>
    <dsp:sp modelId="{6D443C26-3175-4839-A1D3-FA489721D925}">
      <dsp:nvSpPr>
        <dsp:cNvPr id="0" name=""/>
        <dsp:cNvSpPr/>
      </dsp:nvSpPr>
      <dsp:spPr>
        <a:xfrm>
          <a:off x="3660469" y="0"/>
          <a:ext cx="2529304" cy="1152128"/>
        </a:xfrm>
        <a:prstGeom prst="roundRect">
          <a:avLst>
            <a:gd name="adj" fmla="val 10000"/>
          </a:avLst>
        </a:prstGeom>
        <a:solidFill>
          <a:schemeClr val="lt1">
            <a:hueOff val="0"/>
            <a:satOff val="0"/>
            <a:lumOff val="0"/>
            <a:alphaOff val="0"/>
          </a:schemeClr>
        </a:solidFill>
        <a:ln w="25400" cap="flat" cmpd="sng" algn="ctr">
          <a:solidFill>
            <a:schemeClr val="accent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GB" sz="2500" kern="1200" dirty="0"/>
            <a:t>new service provider</a:t>
          </a:r>
        </a:p>
      </dsp:txBody>
      <dsp:txXfrm>
        <a:off x="3694214" y="33745"/>
        <a:ext cx="2461814" cy="1084638"/>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D392680-6658-4F8E-84BD-EA6F27A00D78}">
      <dsp:nvSpPr>
        <dsp:cNvPr id="0" name=""/>
        <dsp:cNvSpPr/>
      </dsp:nvSpPr>
      <dsp:spPr>
        <a:xfrm>
          <a:off x="0" y="0"/>
          <a:ext cx="2673296" cy="1152128"/>
        </a:xfrm>
        <a:prstGeom prst="roundRect">
          <a:avLst>
            <a:gd name="adj" fmla="val 10000"/>
          </a:avLst>
        </a:prstGeom>
        <a:solidFill>
          <a:schemeClr val="lt1">
            <a:hueOff val="0"/>
            <a:satOff val="0"/>
            <a:lumOff val="0"/>
            <a:alphaOff val="0"/>
          </a:schemeClr>
        </a:solidFill>
        <a:ln w="25400" cap="flat" cmpd="sng" algn="ctr">
          <a:solidFill>
            <a:schemeClr val="accent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GB" sz="2300" kern="1200" dirty="0"/>
            <a:t>New service provider</a:t>
          </a:r>
        </a:p>
      </dsp:txBody>
      <dsp:txXfrm>
        <a:off x="33745" y="33745"/>
        <a:ext cx="2605806" cy="1084638"/>
      </dsp:txXfrm>
    </dsp:sp>
    <dsp:sp modelId="{55F293C8-7206-4F66-BA85-F9C938D1307E}">
      <dsp:nvSpPr>
        <dsp:cNvPr id="0" name=""/>
        <dsp:cNvSpPr/>
      </dsp:nvSpPr>
      <dsp:spPr>
        <a:xfrm>
          <a:off x="2753631" y="244575"/>
          <a:ext cx="893652" cy="662977"/>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00100">
            <a:lnSpc>
              <a:spcPct val="90000"/>
            </a:lnSpc>
            <a:spcBef>
              <a:spcPct val="0"/>
            </a:spcBef>
            <a:spcAft>
              <a:spcPct val="35000"/>
            </a:spcAft>
            <a:buNone/>
          </a:pPr>
          <a:endParaRPr lang="en-GB" sz="1800" kern="1200"/>
        </a:p>
      </dsp:txBody>
      <dsp:txXfrm>
        <a:off x="2753631" y="377170"/>
        <a:ext cx="694759" cy="397787"/>
      </dsp:txXfrm>
    </dsp:sp>
    <dsp:sp modelId="{6D443C26-3175-4839-A1D3-FA489721D925}">
      <dsp:nvSpPr>
        <dsp:cNvPr id="0" name=""/>
        <dsp:cNvSpPr/>
      </dsp:nvSpPr>
      <dsp:spPr>
        <a:xfrm>
          <a:off x="3696910" y="0"/>
          <a:ext cx="2588125" cy="1152128"/>
        </a:xfrm>
        <a:prstGeom prst="roundRect">
          <a:avLst>
            <a:gd name="adj" fmla="val 10000"/>
          </a:avLst>
        </a:prstGeom>
        <a:solidFill>
          <a:schemeClr val="lt1">
            <a:hueOff val="0"/>
            <a:satOff val="0"/>
            <a:lumOff val="0"/>
            <a:alphaOff val="0"/>
          </a:schemeClr>
        </a:solidFill>
        <a:ln w="25400" cap="flat" cmpd="sng" algn="ctr">
          <a:solidFill>
            <a:schemeClr val="accent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GB" sz="2300" kern="1200" dirty="0"/>
            <a:t>replacement service provider/  in-house </a:t>
          </a:r>
        </a:p>
      </dsp:txBody>
      <dsp:txXfrm>
        <a:off x="3730655" y="33745"/>
        <a:ext cx="2520635" cy="1084638"/>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D9517CF-94AD-4EEF-8F28-276E85B5CF31}">
      <dsp:nvSpPr>
        <dsp:cNvPr id="0" name=""/>
        <dsp:cNvSpPr/>
      </dsp:nvSpPr>
      <dsp:spPr>
        <a:xfrm>
          <a:off x="0" y="31866"/>
          <a:ext cx="8699455" cy="1167602"/>
        </a:xfrm>
        <a:prstGeom prst="roundRect">
          <a:avLst>
            <a:gd name="adj" fmla="val 10000"/>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GB" sz="2700" kern="1200" dirty="0"/>
            <a:t>Employees may expect TUPE to apply – sector experience of transferring</a:t>
          </a:r>
          <a:endParaRPr lang="en-US" sz="2700" kern="1200" dirty="0"/>
        </a:p>
      </dsp:txBody>
      <dsp:txXfrm>
        <a:off x="34198" y="66064"/>
        <a:ext cx="7374479" cy="1099206"/>
      </dsp:txXfrm>
    </dsp:sp>
    <dsp:sp modelId="{725100EE-331C-4094-8BD2-AEA3E2A78C32}">
      <dsp:nvSpPr>
        <dsp:cNvPr id="0" name=""/>
        <dsp:cNvSpPr/>
      </dsp:nvSpPr>
      <dsp:spPr>
        <a:xfrm>
          <a:off x="767598" y="1436559"/>
          <a:ext cx="8699455" cy="1231336"/>
        </a:xfrm>
        <a:prstGeom prst="roundRect">
          <a:avLst>
            <a:gd name="adj" fmla="val 10000"/>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GB" sz="2700" kern="1200"/>
            <a:t>No redundancy costs</a:t>
          </a:r>
          <a:endParaRPr lang="en-US" sz="2700" kern="1200"/>
        </a:p>
      </dsp:txBody>
      <dsp:txXfrm>
        <a:off x="803663" y="1472624"/>
        <a:ext cx="7059357" cy="1159206"/>
      </dsp:txXfrm>
    </dsp:sp>
    <dsp:sp modelId="{DF1B7D9E-482B-48D2-AB1B-1B07B032F4D9}">
      <dsp:nvSpPr>
        <dsp:cNvPr id="0" name=""/>
        <dsp:cNvSpPr/>
      </dsp:nvSpPr>
      <dsp:spPr>
        <a:xfrm>
          <a:off x="1535197" y="2873119"/>
          <a:ext cx="8699455" cy="1231336"/>
        </a:xfrm>
        <a:prstGeom prst="roundRect">
          <a:avLst>
            <a:gd name="adj" fmla="val 10000"/>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GB" sz="2700" kern="1200" dirty="0"/>
            <a:t>Continuity of labour supply, but post-transfer redundancies can be lawful if needed</a:t>
          </a:r>
          <a:endParaRPr lang="en-US" sz="2700" kern="1200" dirty="0"/>
        </a:p>
      </dsp:txBody>
      <dsp:txXfrm>
        <a:off x="1571262" y="2909184"/>
        <a:ext cx="7059357" cy="1159206"/>
      </dsp:txXfrm>
    </dsp:sp>
    <dsp:sp modelId="{15335085-0AED-4401-AB4C-9D283ECA3762}">
      <dsp:nvSpPr>
        <dsp:cNvPr id="0" name=""/>
        <dsp:cNvSpPr/>
      </dsp:nvSpPr>
      <dsp:spPr>
        <a:xfrm>
          <a:off x="7899086" y="933763"/>
          <a:ext cx="800368" cy="800368"/>
        </a:xfrm>
        <a:prstGeom prst="downArrow">
          <a:avLst>
            <a:gd name="adj1" fmla="val 55000"/>
            <a:gd name="adj2" fmla="val 45000"/>
          </a:avLst>
        </a:prstGeom>
        <a:solidFill>
          <a:schemeClr val="lt1">
            <a:alpha val="90000"/>
            <a:tint val="40000"/>
            <a:hueOff val="0"/>
            <a:satOff val="0"/>
            <a:lumOff val="0"/>
            <a:alphaOff val="0"/>
          </a:schemeClr>
        </a:solidFill>
        <a:ln w="25400" cap="flat" cmpd="sng" algn="ctr">
          <a:solidFill>
            <a:schemeClr val="accent1">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endParaRPr lang="en-US" sz="3600" kern="1200"/>
        </a:p>
      </dsp:txBody>
      <dsp:txXfrm>
        <a:off x="8079169" y="933763"/>
        <a:ext cx="440202" cy="602277"/>
      </dsp:txXfrm>
    </dsp:sp>
    <dsp:sp modelId="{0B96542D-6FDE-406C-B3A2-40F52832621E}">
      <dsp:nvSpPr>
        <dsp:cNvPr id="0" name=""/>
        <dsp:cNvSpPr/>
      </dsp:nvSpPr>
      <dsp:spPr>
        <a:xfrm>
          <a:off x="8666685" y="2362114"/>
          <a:ext cx="800368" cy="800368"/>
        </a:xfrm>
        <a:prstGeom prst="downArrow">
          <a:avLst>
            <a:gd name="adj1" fmla="val 55000"/>
            <a:gd name="adj2" fmla="val 45000"/>
          </a:avLst>
        </a:prstGeom>
        <a:solidFill>
          <a:schemeClr val="lt1">
            <a:alpha val="90000"/>
            <a:tint val="40000"/>
            <a:hueOff val="0"/>
            <a:satOff val="0"/>
            <a:lumOff val="0"/>
            <a:alphaOff val="0"/>
          </a:schemeClr>
        </a:solidFill>
        <a:ln w="25400" cap="flat" cmpd="sng" algn="ctr">
          <a:solidFill>
            <a:schemeClr val="accent1">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endParaRPr lang="en-US" sz="3600" kern="1200"/>
        </a:p>
      </dsp:txBody>
      <dsp:txXfrm>
        <a:off x="8846768" y="2362114"/>
        <a:ext cx="440202" cy="602277"/>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D3DAE65-2F59-423E-896C-9BBFC032B74D}">
      <dsp:nvSpPr>
        <dsp:cNvPr id="0" name=""/>
        <dsp:cNvSpPr/>
      </dsp:nvSpPr>
      <dsp:spPr>
        <a:xfrm>
          <a:off x="0" y="0"/>
          <a:ext cx="7880682" cy="828841"/>
        </a:xfrm>
        <a:prstGeom prst="roundRect">
          <a:avLst>
            <a:gd name="adj" fmla="val 10000"/>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GB" sz="2700" kern="1200" dirty="0"/>
            <a:t>Inherited terms and conditions and liabilities</a:t>
          </a:r>
          <a:endParaRPr lang="en-US" sz="2700" kern="1200" dirty="0"/>
        </a:p>
      </dsp:txBody>
      <dsp:txXfrm>
        <a:off x="24276" y="24276"/>
        <a:ext cx="6889323" cy="780289"/>
      </dsp:txXfrm>
    </dsp:sp>
    <dsp:sp modelId="{39521D9E-1D45-4B48-B79C-6FAC0672B946}">
      <dsp:nvSpPr>
        <dsp:cNvPr id="0" name=""/>
        <dsp:cNvSpPr/>
      </dsp:nvSpPr>
      <dsp:spPr>
        <a:xfrm>
          <a:off x="588492" y="943958"/>
          <a:ext cx="7880682" cy="828841"/>
        </a:xfrm>
        <a:prstGeom prst="roundRect">
          <a:avLst>
            <a:gd name="adj" fmla="val 10000"/>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GB" sz="2700" kern="1200" dirty="0"/>
            <a:t>Transfer of employee information</a:t>
          </a:r>
          <a:endParaRPr lang="en-US" sz="2700" kern="1200" dirty="0"/>
        </a:p>
      </dsp:txBody>
      <dsp:txXfrm>
        <a:off x="612768" y="968234"/>
        <a:ext cx="6704891" cy="780289"/>
      </dsp:txXfrm>
    </dsp:sp>
    <dsp:sp modelId="{44405887-50E8-4249-85F3-31DFBCA0C91F}">
      <dsp:nvSpPr>
        <dsp:cNvPr id="0" name=""/>
        <dsp:cNvSpPr/>
      </dsp:nvSpPr>
      <dsp:spPr>
        <a:xfrm>
          <a:off x="1176985" y="1887917"/>
          <a:ext cx="7880682" cy="828841"/>
        </a:xfrm>
        <a:prstGeom prst="roundRect">
          <a:avLst>
            <a:gd name="adj" fmla="val 10000"/>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GB" sz="2700" kern="1200" dirty="0"/>
            <a:t>Information and consultation process</a:t>
          </a:r>
          <a:endParaRPr lang="en-US" sz="2700" kern="1200" dirty="0"/>
        </a:p>
      </dsp:txBody>
      <dsp:txXfrm>
        <a:off x="1201261" y="1912193"/>
        <a:ext cx="6704891" cy="780289"/>
      </dsp:txXfrm>
    </dsp:sp>
    <dsp:sp modelId="{418A8CD5-E538-4B4A-9B64-6A97F4F41EDB}">
      <dsp:nvSpPr>
        <dsp:cNvPr id="0" name=""/>
        <dsp:cNvSpPr/>
      </dsp:nvSpPr>
      <dsp:spPr>
        <a:xfrm>
          <a:off x="1765477" y="2831875"/>
          <a:ext cx="7880682" cy="828841"/>
        </a:xfrm>
        <a:prstGeom prst="roundRect">
          <a:avLst>
            <a:gd name="adj" fmla="val 10000"/>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GB" sz="2700" kern="1200" dirty="0"/>
            <a:t>Onboarding transferring employees</a:t>
          </a:r>
          <a:endParaRPr lang="en-US" sz="2700" kern="1200" dirty="0"/>
        </a:p>
      </dsp:txBody>
      <dsp:txXfrm>
        <a:off x="1789753" y="2856151"/>
        <a:ext cx="6704891" cy="780289"/>
      </dsp:txXfrm>
    </dsp:sp>
    <dsp:sp modelId="{28F93FDA-3554-432D-95FE-357F67E41AA7}">
      <dsp:nvSpPr>
        <dsp:cNvPr id="0" name=""/>
        <dsp:cNvSpPr/>
      </dsp:nvSpPr>
      <dsp:spPr>
        <a:xfrm>
          <a:off x="2353970" y="3775834"/>
          <a:ext cx="7880682" cy="828841"/>
        </a:xfrm>
        <a:prstGeom prst="roundRect">
          <a:avLst>
            <a:gd name="adj" fmla="val 10000"/>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GB" sz="2700" kern="1200" dirty="0"/>
            <a:t>Employees may object</a:t>
          </a:r>
          <a:endParaRPr lang="en-US" sz="2700" kern="1200" dirty="0"/>
        </a:p>
      </dsp:txBody>
      <dsp:txXfrm>
        <a:off x="2378246" y="3800110"/>
        <a:ext cx="6704891" cy="780289"/>
      </dsp:txXfrm>
    </dsp:sp>
    <dsp:sp modelId="{3484D194-9FCE-491F-9E6E-2291CC315DFC}">
      <dsp:nvSpPr>
        <dsp:cNvPr id="0" name=""/>
        <dsp:cNvSpPr/>
      </dsp:nvSpPr>
      <dsp:spPr>
        <a:xfrm>
          <a:off x="7341935" y="605514"/>
          <a:ext cx="538747" cy="538747"/>
        </a:xfrm>
        <a:prstGeom prst="downArrow">
          <a:avLst>
            <a:gd name="adj1" fmla="val 55000"/>
            <a:gd name="adj2" fmla="val 45000"/>
          </a:avLst>
        </a:prstGeom>
        <a:solidFill>
          <a:schemeClr val="lt1">
            <a:alpha val="90000"/>
            <a:tint val="40000"/>
            <a:hueOff val="0"/>
            <a:satOff val="0"/>
            <a:lumOff val="0"/>
            <a:alphaOff val="0"/>
          </a:schemeClr>
        </a:solidFill>
        <a:ln w="25400" cap="flat" cmpd="sng" algn="ctr">
          <a:solidFill>
            <a:schemeClr val="accent1">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750" tIns="31750" rIns="31750" bIns="31750" numCol="1" spcCol="1270" anchor="ctr" anchorCtr="0">
          <a:noAutofit/>
        </a:bodyPr>
        <a:lstStyle/>
        <a:p>
          <a:pPr marL="0" lvl="0" indent="0" algn="ctr" defTabSz="1111250">
            <a:lnSpc>
              <a:spcPct val="90000"/>
            </a:lnSpc>
            <a:spcBef>
              <a:spcPct val="0"/>
            </a:spcBef>
            <a:spcAft>
              <a:spcPct val="35000"/>
            </a:spcAft>
            <a:buNone/>
          </a:pPr>
          <a:endParaRPr lang="en-US" sz="2500" kern="1200"/>
        </a:p>
      </dsp:txBody>
      <dsp:txXfrm>
        <a:off x="7463153" y="605514"/>
        <a:ext cx="296311" cy="405407"/>
      </dsp:txXfrm>
    </dsp:sp>
    <dsp:sp modelId="{2136302C-4011-48B8-951C-3E6F8734F73F}">
      <dsp:nvSpPr>
        <dsp:cNvPr id="0" name=""/>
        <dsp:cNvSpPr/>
      </dsp:nvSpPr>
      <dsp:spPr>
        <a:xfrm>
          <a:off x="7930428" y="1549473"/>
          <a:ext cx="538747" cy="538747"/>
        </a:xfrm>
        <a:prstGeom prst="downArrow">
          <a:avLst>
            <a:gd name="adj1" fmla="val 55000"/>
            <a:gd name="adj2" fmla="val 45000"/>
          </a:avLst>
        </a:prstGeom>
        <a:solidFill>
          <a:schemeClr val="lt1">
            <a:alpha val="90000"/>
            <a:tint val="40000"/>
            <a:hueOff val="0"/>
            <a:satOff val="0"/>
            <a:lumOff val="0"/>
            <a:alphaOff val="0"/>
          </a:schemeClr>
        </a:solidFill>
        <a:ln w="25400" cap="flat" cmpd="sng" algn="ctr">
          <a:solidFill>
            <a:schemeClr val="accent1">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750" tIns="31750" rIns="31750" bIns="31750" numCol="1" spcCol="1270" anchor="ctr" anchorCtr="0">
          <a:noAutofit/>
        </a:bodyPr>
        <a:lstStyle/>
        <a:p>
          <a:pPr marL="0" lvl="0" indent="0" algn="ctr" defTabSz="1111250">
            <a:lnSpc>
              <a:spcPct val="90000"/>
            </a:lnSpc>
            <a:spcBef>
              <a:spcPct val="0"/>
            </a:spcBef>
            <a:spcAft>
              <a:spcPct val="35000"/>
            </a:spcAft>
            <a:buNone/>
          </a:pPr>
          <a:endParaRPr lang="en-US" sz="2500" kern="1200"/>
        </a:p>
      </dsp:txBody>
      <dsp:txXfrm>
        <a:off x="8051646" y="1549473"/>
        <a:ext cx="296311" cy="405407"/>
      </dsp:txXfrm>
    </dsp:sp>
    <dsp:sp modelId="{3C31C720-56C0-422F-BC59-4CEC23674238}">
      <dsp:nvSpPr>
        <dsp:cNvPr id="0" name=""/>
        <dsp:cNvSpPr/>
      </dsp:nvSpPr>
      <dsp:spPr>
        <a:xfrm>
          <a:off x="8518920" y="2479618"/>
          <a:ext cx="538747" cy="538747"/>
        </a:xfrm>
        <a:prstGeom prst="downArrow">
          <a:avLst>
            <a:gd name="adj1" fmla="val 55000"/>
            <a:gd name="adj2" fmla="val 45000"/>
          </a:avLst>
        </a:prstGeom>
        <a:solidFill>
          <a:schemeClr val="lt1">
            <a:alpha val="90000"/>
            <a:tint val="40000"/>
            <a:hueOff val="0"/>
            <a:satOff val="0"/>
            <a:lumOff val="0"/>
            <a:alphaOff val="0"/>
          </a:schemeClr>
        </a:solidFill>
        <a:ln w="25400" cap="flat" cmpd="sng" algn="ctr">
          <a:solidFill>
            <a:schemeClr val="accent1">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750" tIns="31750" rIns="31750" bIns="31750" numCol="1" spcCol="1270" anchor="ctr" anchorCtr="0">
          <a:noAutofit/>
        </a:bodyPr>
        <a:lstStyle/>
        <a:p>
          <a:pPr marL="0" lvl="0" indent="0" algn="ctr" defTabSz="1111250">
            <a:lnSpc>
              <a:spcPct val="90000"/>
            </a:lnSpc>
            <a:spcBef>
              <a:spcPct val="0"/>
            </a:spcBef>
            <a:spcAft>
              <a:spcPct val="35000"/>
            </a:spcAft>
            <a:buNone/>
          </a:pPr>
          <a:endParaRPr lang="en-US" sz="2500" kern="1200"/>
        </a:p>
      </dsp:txBody>
      <dsp:txXfrm>
        <a:off x="8640138" y="2479618"/>
        <a:ext cx="296311" cy="405407"/>
      </dsp:txXfrm>
    </dsp:sp>
    <dsp:sp modelId="{210FD9C4-2BBB-4887-9EDC-531CDB961419}">
      <dsp:nvSpPr>
        <dsp:cNvPr id="0" name=""/>
        <dsp:cNvSpPr/>
      </dsp:nvSpPr>
      <dsp:spPr>
        <a:xfrm>
          <a:off x="9107413" y="3432785"/>
          <a:ext cx="538747" cy="538747"/>
        </a:xfrm>
        <a:prstGeom prst="downArrow">
          <a:avLst>
            <a:gd name="adj1" fmla="val 55000"/>
            <a:gd name="adj2" fmla="val 45000"/>
          </a:avLst>
        </a:prstGeom>
        <a:solidFill>
          <a:schemeClr val="lt1">
            <a:alpha val="90000"/>
            <a:tint val="40000"/>
            <a:hueOff val="0"/>
            <a:satOff val="0"/>
            <a:lumOff val="0"/>
            <a:alphaOff val="0"/>
          </a:schemeClr>
        </a:solidFill>
        <a:ln w="25400" cap="flat" cmpd="sng" algn="ctr">
          <a:solidFill>
            <a:schemeClr val="accent1">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750" tIns="31750" rIns="31750" bIns="31750" numCol="1" spcCol="1270" anchor="ctr" anchorCtr="0">
          <a:noAutofit/>
        </a:bodyPr>
        <a:lstStyle/>
        <a:p>
          <a:pPr marL="0" lvl="0" indent="0" algn="ctr" defTabSz="1111250">
            <a:lnSpc>
              <a:spcPct val="90000"/>
            </a:lnSpc>
            <a:spcBef>
              <a:spcPct val="0"/>
            </a:spcBef>
            <a:spcAft>
              <a:spcPct val="35000"/>
            </a:spcAft>
            <a:buNone/>
          </a:pPr>
          <a:endParaRPr lang="en-GB" sz="2500" kern="1200"/>
        </a:p>
      </dsp:txBody>
      <dsp:txXfrm>
        <a:off x="9228631" y="3432785"/>
        <a:ext cx="296311" cy="405407"/>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E0278DD-D9F0-4C15-A911-DCC9BA4AA4C2}">
      <dsp:nvSpPr>
        <dsp:cNvPr id="0" name=""/>
        <dsp:cNvSpPr/>
      </dsp:nvSpPr>
      <dsp:spPr>
        <a:xfrm>
          <a:off x="0" y="641"/>
          <a:ext cx="10831032" cy="1500193"/>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6C351C7-CD13-4CEE-8292-CA72639B2A12}">
      <dsp:nvSpPr>
        <dsp:cNvPr id="0" name=""/>
        <dsp:cNvSpPr/>
      </dsp:nvSpPr>
      <dsp:spPr>
        <a:xfrm>
          <a:off x="453808" y="338184"/>
          <a:ext cx="825106" cy="82510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425B0E77-C251-4D46-B248-7734139F4A13}">
      <dsp:nvSpPr>
        <dsp:cNvPr id="0" name=""/>
        <dsp:cNvSpPr/>
      </dsp:nvSpPr>
      <dsp:spPr>
        <a:xfrm>
          <a:off x="1732723" y="641"/>
          <a:ext cx="9098308" cy="150019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58771" tIns="158771" rIns="158771" bIns="158771" numCol="1" spcCol="1270" anchor="ctr" anchorCtr="0">
          <a:noAutofit/>
        </a:bodyPr>
        <a:lstStyle/>
        <a:p>
          <a:pPr marL="0" lvl="0" indent="0" algn="l" defTabSz="889000">
            <a:lnSpc>
              <a:spcPct val="100000"/>
            </a:lnSpc>
            <a:spcBef>
              <a:spcPct val="0"/>
            </a:spcBef>
            <a:spcAft>
              <a:spcPct val="35000"/>
            </a:spcAft>
            <a:buNone/>
          </a:pPr>
          <a:r>
            <a:rPr lang="en-GB" sz="2000" kern="1200" dirty="0"/>
            <a:t>Outgoing service provider may tell employees they are transferring, that they will no longer employ them from the transfer date, and they may have claims against new service provider if it continues to refuse to recognise TUPE applies</a:t>
          </a:r>
          <a:endParaRPr lang="en-US" sz="2000" kern="1200" dirty="0"/>
        </a:p>
      </dsp:txBody>
      <dsp:txXfrm>
        <a:off x="1732723" y="641"/>
        <a:ext cx="9098308" cy="1500193"/>
      </dsp:txXfrm>
    </dsp:sp>
    <dsp:sp modelId="{E4327D11-CFE0-4CAB-BFD1-66AEF96C2865}">
      <dsp:nvSpPr>
        <dsp:cNvPr id="0" name=""/>
        <dsp:cNvSpPr/>
      </dsp:nvSpPr>
      <dsp:spPr>
        <a:xfrm>
          <a:off x="0" y="1875883"/>
          <a:ext cx="10831032" cy="1500193"/>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76A500B-1C74-470B-AA73-7326D9B92B3F}">
      <dsp:nvSpPr>
        <dsp:cNvPr id="0" name=""/>
        <dsp:cNvSpPr/>
      </dsp:nvSpPr>
      <dsp:spPr>
        <a:xfrm>
          <a:off x="453808" y="2213427"/>
          <a:ext cx="825106" cy="82510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DC9E7F2-FD02-455A-8184-0F0B9DA66A2F}">
      <dsp:nvSpPr>
        <dsp:cNvPr id="0" name=""/>
        <dsp:cNvSpPr/>
      </dsp:nvSpPr>
      <dsp:spPr>
        <a:xfrm>
          <a:off x="1732723" y="1875883"/>
          <a:ext cx="9098308" cy="150019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58771" tIns="158771" rIns="158771" bIns="158771" numCol="1" spcCol="1270" anchor="ctr" anchorCtr="0">
          <a:noAutofit/>
        </a:bodyPr>
        <a:lstStyle/>
        <a:p>
          <a:pPr marL="0" lvl="0" indent="0" algn="l" defTabSz="889000">
            <a:lnSpc>
              <a:spcPct val="100000"/>
            </a:lnSpc>
            <a:spcBef>
              <a:spcPct val="0"/>
            </a:spcBef>
            <a:spcAft>
              <a:spcPct val="35000"/>
            </a:spcAft>
            <a:buNone/>
          </a:pPr>
          <a:r>
            <a:rPr lang="en-GB" sz="2000" kern="1200" dirty="0"/>
            <a:t>Before refusing to recognise the transfer, new service provider needs to be very sure of its legal position that TUPE does not apply</a:t>
          </a:r>
          <a:endParaRPr lang="en-US" sz="2000" kern="1200" dirty="0"/>
        </a:p>
      </dsp:txBody>
      <dsp:txXfrm>
        <a:off x="1732723" y="1875883"/>
        <a:ext cx="9098308" cy="1500193"/>
      </dsp:txXfrm>
    </dsp:sp>
    <dsp:sp modelId="{6A6A2BE2-6B70-4674-8B5D-BA3A9D19BE2E}">
      <dsp:nvSpPr>
        <dsp:cNvPr id="0" name=""/>
        <dsp:cNvSpPr/>
      </dsp:nvSpPr>
      <dsp:spPr>
        <a:xfrm>
          <a:off x="0" y="3751125"/>
          <a:ext cx="10831032" cy="1500193"/>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1B4D501-EEE9-4EC9-9E8C-429042D21FBB}">
      <dsp:nvSpPr>
        <dsp:cNvPr id="0" name=""/>
        <dsp:cNvSpPr/>
      </dsp:nvSpPr>
      <dsp:spPr>
        <a:xfrm>
          <a:off x="453808" y="4088669"/>
          <a:ext cx="825106" cy="82510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FED4A21-5E59-4526-9BF4-526CDF897C41}">
      <dsp:nvSpPr>
        <dsp:cNvPr id="0" name=""/>
        <dsp:cNvSpPr/>
      </dsp:nvSpPr>
      <dsp:spPr>
        <a:xfrm>
          <a:off x="1732723" y="3751125"/>
          <a:ext cx="9098308" cy="150019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58771" tIns="158771" rIns="158771" bIns="158771" numCol="1" spcCol="1270" anchor="ctr" anchorCtr="0">
          <a:noAutofit/>
        </a:bodyPr>
        <a:lstStyle/>
        <a:p>
          <a:pPr marL="0" lvl="0" indent="0" algn="l" defTabSz="889000">
            <a:lnSpc>
              <a:spcPct val="100000"/>
            </a:lnSpc>
            <a:spcBef>
              <a:spcPct val="0"/>
            </a:spcBef>
            <a:spcAft>
              <a:spcPct val="35000"/>
            </a:spcAft>
            <a:buNone/>
          </a:pPr>
          <a:r>
            <a:rPr lang="en-GB" sz="2000" kern="1200" dirty="0"/>
            <a:t>New service provider may try to negotiate commercial indemnification from the client for TUPE claims arising from employees</a:t>
          </a:r>
          <a:endParaRPr lang="en-US" sz="2000" kern="1200" dirty="0"/>
        </a:p>
      </dsp:txBody>
      <dsp:txXfrm>
        <a:off x="1732723" y="3751125"/>
        <a:ext cx="9098308" cy="1500193"/>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CD811A0-9019-49ED-BF7C-5E980FEF57FB}">
      <dsp:nvSpPr>
        <dsp:cNvPr id="0" name=""/>
        <dsp:cNvSpPr/>
      </dsp:nvSpPr>
      <dsp:spPr>
        <a:xfrm>
          <a:off x="0" y="4170"/>
          <a:ext cx="10873208" cy="88837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0126411-68C4-4989-BFAE-76C6124F60FA}">
      <dsp:nvSpPr>
        <dsp:cNvPr id="0" name=""/>
        <dsp:cNvSpPr/>
      </dsp:nvSpPr>
      <dsp:spPr>
        <a:xfrm>
          <a:off x="268733" y="204055"/>
          <a:ext cx="488606" cy="48860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077B297-0A11-4250-87FC-8ACE5E8C38EF}">
      <dsp:nvSpPr>
        <dsp:cNvPr id="0" name=""/>
        <dsp:cNvSpPr/>
      </dsp:nvSpPr>
      <dsp:spPr>
        <a:xfrm>
          <a:off x="1026073" y="4170"/>
          <a:ext cx="9847134" cy="88837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4020" tIns="94020" rIns="94020" bIns="94020" numCol="1" spcCol="1270" anchor="ctr" anchorCtr="0">
          <a:noAutofit/>
        </a:bodyPr>
        <a:lstStyle/>
        <a:p>
          <a:pPr marL="0" lvl="0" indent="0" algn="l" defTabSz="800100">
            <a:lnSpc>
              <a:spcPct val="90000"/>
            </a:lnSpc>
            <a:spcBef>
              <a:spcPct val="0"/>
            </a:spcBef>
            <a:spcAft>
              <a:spcPct val="35000"/>
            </a:spcAft>
            <a:buNone/>
          </a:pPr>
          <a:r>
            <a:rPr lang="en-GB" sz="1800" kern="1200" dirty="0"/>
            <a:t>Outgoing service provider may tell an employee they are assigned and transferring</a:t>
          </a:r>
          <a:endParaRPr lang="en-US" sz="1800" kern="1200" dirty="0"/>
        </a:p>
      </dsp:txBody>
      <dsp:txXfrm>
        <a:off x="1026073" y="4170"/>
        <a:ext cx="9847134" cy="888375"/>
      </dsp:txXfrm>
    </dsp:sp>
    <dsp:sp modelId="{97417765-5B8B-4160-934B-430A360255B3}">
      <dsp:nvSpPr>
        <dsp:cNvPr id="0" name=""/>
        <dsp:cNvSpPr/>
      </dsp:nvSpPr>
      <dsp:spPr>
        <a:xfrm>
          <a:off x="0" y="1114640"/>
          <a:ext cx="10873208" cy="88837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860206E-D110-4A61-AA7E-CCF7CFA5CE0C}">
      <dsp:nvSpPr>
        <dsp:cNvPr id="0" name=""/>
        <dsp:cNvSpPr/>
      </dsp:nvSpPr>
      <dsp:spPr>
        <a:xfrm>
          <a:off x="268733" y="1314524"/>
          <a:ext cx="488606" cy="48860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96E6568-F7C0-4595-995C-741D5A8AFF61}">
      <dsp:nvSpPr>
        <dsp:cNvPr id="0" name=""/>
        <dsp:cNvSpPr/>
      </dsp:nvSpPr>
      <dsp:spPr>
        <a:xfrm>
          <a:off x="1026073" y="1114640"/>
          <a:ext cx="9847134" cy="88837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4020" tIns="94020" rIns="94020" bIns="94020" numCol="1" spcCol="1270" anchor="ctr" anchorCtr="0">
          <a:noAutofit/>
        </a:bodyPr>
        <a:lstStyle/>
        <a:p>
          <a:pPr marL="0" lvl="0" indent="0" algn="l" defTabSz="800100">
            <a:lnSpc>
              <a:spcPct val="90000"/>
            </a:lnSpc>
            <a:spcBef>
              <a:spcPct val="0"/>
            </a:spcBef>
            <a:spcAft>
              <a:spcPct val="35000"/>
            </a:spcAft>
            <a:buNone/>
          </a:pPr>
          <a:r>
            <a:rPr lang="en-GB" sz="1800" kern="1200" dirty="0"/>
            <a:t>New service provider may have access to limited information from outgoing service provider to evidence whether the employee is assigned and has a right to transfer</a:t>
          </a:r>
          <a:endParaRPr lang="en-US" sz="1800" kern="1200" dirty="0"/>
        </a:p>
      </dsp:txBody>
      <dsp:txXfrm>
        <a:off x="1026073" y="1114640"/>
        <a:ext cx="9847134" cy="888375"/>
      </dsp:txXfrm>
    </dsp:sp>
    <dsp:sp modelId="{DC931281-0E2A-4AD1-A3AC-B69A30860BA5}">
      <dsp:nvSpPr>
        <dsp:cNvPr id="0" name=""/>
        <dsp:cNvSpPr/>
      </dsp:nvSpPr>
      <dsp:spPr>
        <a:xfrm>
          <a:off x="0" y="2225110"/>
          <a:ext cx="10873208" cy="88837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A602B6D-A095-4A5A-BD5C-838CFB46AD89}">
      <dsp:nvSpPr>
        <dsp:cNvPr id="0" name=""/>
        <dsp:cNvSpPr/>
      </dsp:nvSpPr>
      <dsp:spPr>
        <a:xfrm>
          <a:off x="268733" y="2424994"/>
          <a:ext cx="488606" cy="48860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93441A9-0ADD-4516-980D-5B8402D21AAC}">
      <dsp:nvSpPr>
        <dsp:cNvPr id="0" name=""/>
        <dsp:cNvSpPr/>
      </dsp:nvSpPr>
      <dsp:spPr>
        <a:xfrm>
          <a:off x="1026073" y="2225110"/>
          <a:ext cx="9847134" cy="88837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4020" tIns="94020" rIns="94020" bIns="94020" numCol="1" spcCol="1270" anchor="ctr" anchorCtr="0">
          <a:noAutofit/>
        </a:bodyPr>
        <a:lstStyle/>
        <a:p>
          <a:pPr marL="0" lvl="0" indent="0" algn="l" defTabSz="800100">
            <a:lnSpc>
              <a:spcPct val="90000"/>
            </a:lnSpc>
            <a:spcBef>
              <a:spcPct val="0"/>
            </a:spcBef>
            <a:spcAft>
              <a:spcPct val="35000"/>
            </a:spcAft>
            <a:buNone/>
          </a:pPr>
          <a:r>
            <a:rPr lang="en-GB" sz="1800" kern="1200" dirty="0"/>
            <a:t>New service provider may take a pragmatic approach and accept the employee but engage in post-transfer discussions with the employee around their role</a:t>
          </a:r>
          <a:endParaRPr lang="en-US" sz="1800" kern="1200" dirty="0"/>
        </a:p>
      </dsp:txBody>
      <dsp:txXfrm>
        <a:off x="1026073" y="2225110"/>
        <a:ext cx="9847134" cy="888375"/>
      </dsp:txXfrm>
    </dsp:sp>
    <dsp:sp modelId="{C9752086-EB31-401F-965C-9251C8675BEF}">
      <dsp:nvSpPr>
        <dsp:cNvPr id="0" name=""/>
        <dsp:cNvSpPr/>
      </dsp:nvSpPr>
      <dsp:spPr>
        <a:xfrm>
          <a:off x="0" y="3335579"/>
          <a:ext cx="10873208" cy="88837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C997A93-9C90-48EB-B5DE-09A375CA6EEF}">
      <dsp:nvSpPr>
        <dsp:cNvPr id="0" name=""/>
        <dsp:cNvSpPr/>
      </dsp:nvSpPr>
      <dsp:spPr>
        <a:xfrm>
          <a:off x="216022" y="3530871"/>
          <a:ext cx="488606" cy="488606"/>
        </a:xfrm>
        <a:prstGeom prst="rect">
          <a:avLst/>
        </a:prstGeom>
        <a:blipFill rotWithShape="1">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D7535CF2-D31A-468A-8BF6-AD06A886F664}">
      <dsp:nvSpPr>
        <dsp:cNvPr id="0" name=""/>
        <dsp:cNvSpPr/>
      </dsp:nvSpPr>
      <dsp:spPr>
        <a:xfrm>
          <a:off x="1026073" y="3335579"/>
          <a:ext cx="9847134" cy="88837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4020" tIns="94020" rIns="94020" bIns="94020" numCol="1" spcCol="1270" anchor="ctr" anchorCtr="0">
          <a:noAutofit/>
        </a:bodyPr>
        <a:lstStyle/>
        <a:p>
          <a:pPr marL="0" lvl="0" indent="0" algn="l" defTabSz="800100">
            <a:lnSpc>
              <a:spcPct val="90000"/>
            </a:lnSpc>
            <a:spcBef>
              <a:spcPct val="0"/>
            </a:spcBef>
            <a:spcAft>
              <a:spcPct val="35000"/>
            </a:spcAft>
            <a:buNone/>
          </a:pPr>
          <a:r>
            <a:rPr lang="en-GB" sz="1800" kern="1200" dirty="0"/>
            <a:t>If new service provider suspects “lemon-dropping”, may have commercial protection from client allowing them to dismiss and reclaim any costs and liabilities from the client</a:t>
          </a:r>
          <a:endParaRPr lang="en-US" sz="1800" kern="1200" dirty="0"/>
        </a:p>
      </dsp:txBody>
      <dsp:txXfrm>
        <a:off x="1026073" y="3335579"/>
        <a:ext cx="9847134" cy="888375"/>
      </dsp:txXfrm>
    </dsp:sp>
    <dsp:sp modelId="{D4770E5A-E334-49ED-9F43-8EEE981D0D73}">
      <dsp:nvSpPr>
        <dsp:cNvPr id="0" name=""/>
        <dsp:cNvSpPr/>
      </dsp:nvSpPr>
      <dsp:spPr>
        <a:xfrm>
          <a:off x="0" y="4446049"/>
          <a:ext cx="10873208" cy="88837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17CC093-5C62-42FB-AD8A-4EF1FC36D7AB}">
      <dsp:nvSpPr>
        <dsp:cNvPr id="0" name=""/>
        <dsp:cNvSpPr/>
      </dsp:nvSpPr>
      <dsp:spPr>
        <a:xfrm>
          <a:off x="268733" y="4645934"/>
          <a:ext cx="488606" cy="488606"/>
        </a:xfrm>
        <a:prstGeom prst="rect">
          <a:avLst/>
        </a:prstGeom>
        <a:solidFill>
          <a:schemeClr val="accent2">
            <a:hueOff val="0"/>
            <a:satOff val="0"/>
            <a:lumOff val="0"/>
            <a:alphaOff val="0"/>
          </a:schemeClr>
        </a:solid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A92E698-9E3E-4C7F-8C4D-DE719BE5976C}">
      <dsp:nvSpPr>
        <dsp:cNvPr id="0" name=""/>
        <dsp:cNvSpPr/>
      </dsp:nvSpPr>
      <dsp:spPr>
        <a:xfrm>
          <a:off x="1026073" y="4446049"/>
          <a:ext cx="9847134" cy="88837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4020" tIns="94020" rIns="94020" bIns="94020" numCol="1" spcCol="1270" anchor="ctr" anchorCtr="0">
          <a:noAutofit/>
        </a:bodyPr>
        <a:lstStyle/>
        <a:p>
          <a:pPr marL="0" lvl="0" indent="0" algn="l" defTabSz="800100">
            <a:lnSpc>
              <a:spcPct val="90000"/>
            </a:lnSpc>
            <a:spcBef>
              <a:spcPct val="0"/>
            </a:spcBef>
            <a:spcAft>
              <a:spcPct val="35000"/>
            </a:spcAft>
            <a:buNone/>
          </a:pPr>
          <a:r>
            <a:rPr lang="en-GB" sz="1800" kern="1200"/>
            <a:t>If new service provider suspects “cherry-picking” of key staff, may ask client to exert commercial pressure on outgoing service provider or try to engage with the key staff directly  </a:t>
          </a:r>
          <a:endParaRPr lang="en-US" sz="1800" kern="1200"/>
        </a:p>
      </dsp:txBody>
      <dsp:txXfrm>
        <a:off x="1026073" y="4446049"/>
        <a:ext cx="9847134" cy="888375"/>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382625E-0789-4A57-846A-0E10B15B9A3D}">
      <dsp:nvSpPr>
        <dsp:cNvPr id="0" name=""/>
        <dsp:cNvSpPr/>
      </dsp:nvSpPr>
      <dsp:spPr>
        <a:xfrm>
          <a:off x="187507" y="892416"/>
          <a:ext cx="1323100" cy="1323100"/>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9A16BDC-5FE0-4E9D-B1A6-A639491D59AD}">
      <dsp:nvSpPr>
        <dsp:cNvPr id="0" name=""/>
        <dsp:cNvSpPr/>
      </dsp:nvSpPr>
      <dsp:spPr>
        <a:xfrm>
          <a:off x="465358" y="1170267"/>
          <a:ext cx="767398" cy="767398"/>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3BE15C23-4EC2-4786-80C1-77BF5B727434}">
      <dsp:nvSpPr>
        <dsp:cNvPr id="0" name=""/>
        <dsp:cNvSpPr/>
      </dsp:nvSpPr>
      <dsp:spPr>
        <a:xfrm>
          <a:off x="1794130" y="892416"/>
          <a:ext cx="3118737" cy="13231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GB" sz="1800" kern="1200" dirty="0"/>
            <a:t>Both new service provider and outgoing service provider likely to be named as Respondents in any tribunal claim</a:t>
          </a:r>
          <a:endParaRPr lang="en-US" sz="1800" kern="1200" dirty="0"/>
        </a:p>
      </dsp:txBody>
      <dsp:txXfrm>
        <a:off x="1794130" y="892416"/>
        <a:ext cx="3118737" cy="1323100"/>
      </dsp:txXfrm>
    </dsp:sp>
    <dsp:sp modelId="{9D0EA04C-EF18-41DE-B87F-ED97E02A3478}">
      <dsp:nvSpPr>
        <dsp:cNvPr id="0" name=""/>
        <dsp:cNvSpPr/>
      </dsp:nvSpPr>
      <dsp:spPr>
        <a:xfrm>
          <a:off x="5456284" y="892416"/>
          <a:ext cx="1323100" cy="1323100"/>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20B7EEA-8A7C-4B7E-A9BD-3984DD953ADE}">
      <dsp:nvSpPr>
        <dsp:cNvPr id="0" name=""/>
        <dsp:cNvSpPr/>
      </dsp:nvSpPr>
      <dsp:spPr>
        <a:xfrm>
          <a:off x="5734135" y="1170267"/>
          <a:ext cx="767398" cy="767398"/>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87F701A-0E7B-4B3E-B600-48EC34C2E518}">
      <dsp:nvSpPr>
        <dsp:cNvPr id="0" name=""/>
        <dsp:cNvSpPr/>
      </dsp:nvSpPr>
      <dsp:spPr>
        <a:xfrm>
          <a:off x="7062906" y="892416"/>
          <a:ext cx="3118737" cy="13231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GB" sz="1800" kern="1200" dirty="0"/>
            <a:t>New service provider may not have access to all information and witnesses needed to defend claim </a:t>
          </a:r>
          <a:endParaRPr lang="en-US" sz="1800" kern="1200" dirty="0"/>
        </a:p>
      </dsp:txBody>
      <dsp:txXfrm>
        <a:off x="7062906" y="892416"/>
        <a:ext cx="3118737" cy="1323100"/>
      </dsp:txXfrm>
    </dsp:sp>
    <dsp:sp modelId="{03053865-C159-47E3-AC09-A1E61535D439}">
      <dsp:nvSpPr>
        <dsp:cNvPr id="0" name=""/>
        <dsp:cNvSpPr/>
      </dsp:nvSpPr>
      <dsp:spPr>
        <a:xfrm>
          <a:off x="187507" y="3123078"/>
          <a:ext cx="1323100" cy="1323100"/>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35E993B-62A7-4E24-8F46-598C48997E45}">
      <dsp:nvSpPr>
        <dsp:cNvPr id="0" name=""/>
        <dsp:cNvSpPr/>
      </dsp:nvSpPr>
      <dsp:spPr>
        <a:xfrm>
          <a:off x="465358" y="3400929"/>
          <a:ext cx="767398" cy="767398"/>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904D7281-E057-4C3E-AE89-C9641FF05F9A}">
      <dsp:nvSpPr>
        <dsp:cNvPr id="0" name=""/>
        <dsp:cNvSpPr/>
      </dsp:nvSpPr>
      <dsp:spPr>
        <a:xfrm>
          <a:off x="1794130" y="3123078"/>
          <a:ext cx="3118737" cy="13231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GB" sz="1800" kern="1200" dirty="0"/>
            <a:t>Outgoing service provider will need to prove TUPE applies, but may still be motivated to participate in the defence, especially if reputational concerns</a:t>
          </a:r>
          <a:endParaRPr lang="en-US" sz="1800" kern="1200" dirty="0"/>
        </a:p>
      </dsp:txBody>
      <dsp:txXfrm>
        <a:off x="1794130" y="3123078"/>
        <a:ext cx="3118737" cy="1323100"/>
      </dsp:txXfrm>
    </dsp:sp>
    <dsp:sp modelId="{16472CD7-0C04-40E9-B034-B66DABAF3E4E}">
      <dsp:nvSpPr>
        <dsp:cNvPr id="0" name=""/>
        <dsp:cNvSpPr/>
      </dsp:nvSpPr>
      <dsp:spPr>
        <a:xfrm>
          <a:off x="5456284" y="3123078"/>
          <a:ext cx="1323100" cy="1323100"/>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A55BA2C-EE15-4ACA-90D0-0255DA1D4DAF}">
      <dsp:nvSpPr>
        <dsp:cNvPr id="0" name=""/>
        <dsp:cNvSpPr/>
      </dsp:nvSpPr>
      <dsp:spPr>
        <a:xfrm>
          <a:off x="5734135" y="3400929"/>
          <a:ext cx="767398" cy="767398"/>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DF73AE98-0464-4913-9131-ED0629CAD91C}">
      <dsp:nvSpPr>
        <dsp:cNvPr id="0" name=""/>
        <dsp:cNvSpPr/>
      </dsp:nvSpPr>
      <dsp:spPr>
        <a:xfrm>
          <a:off x="7062906" y="3123078"/>
          <a:ext cx="3118737" cy="13231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GB" sz="1800" kern="1200" dirty="0"/>
            <a:t>New service provider may be able to recover costs and any tribunal awards from client or outgoing service provider under commercial documentation</a:t>
          </a:r>
          <a:endParaRPr lang="en-US" sz="1800" kern="1200" dirty="0"/>
        </a:p>
      </dsp:txBody>
      <dsp:txXfrm>
        <a:off x="7062906" y="3123078"/>
        <a:ext cx="3118737" cy="1323100"/>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66A54FD-64AE-417E-9E3F-C20321B4E066}">
      <dsp:nvSpPr>
        <dsp:cNvPr id="0" name=""/>
        <dsp:cNvSpPr/>
      </dsp:nvSpPr>
      <dsp:spPr>
        <a:xfrm>
          <a:off x="0" y="3523274"/>
          <a:ext cx="10441160" cy="1156417"/>
        </a:xfrm>
        <a:prstGeom prst="rect">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49352" tIns="149352" rIns="149352" bIns="149352" numCol="1" spcCol="1270" anchor="ctr" anchorCtr="0">
          <a:noAutofit/>
        </a:bodyPr>
        <a:lstStyle/>
        <a:p>
          <a:pPr marL="0" lvl="0" indent="0" algn="ctr" defTabSz="933450">
            <a:lnSpc>
              <a:spcPct val="90000"/>
            </a:lnSpc>
            <a:spcBef>
              <a:spcPct val="0"/>
            </a:spcBef>
            <a:spcAft>
              <a:spcPct val="35000"/>
            </a:spcAft>
            <a:buNone/>
          </a:pPr>
          <a:r>
            <a:rPr lang="en-GB" sz="2100" kern="1200" dirty="0"/>
            <a:t>If outgoing service provider doesn’t receive “measures” information from new service provider, it should write formally requesting it or requesting confirmation that there are none</a:t>
          </a:r>
          <a:endParaRPr lang="en-US" sz="2100" kern="1200" dirty="0"/>
        </a:p>
      </dsp:txBody>
      <dsp:txXfrm>
        <a:off x="0" y="3523274"/>
        <a:ext cx="10441160" cy="1156417"/>
      </dsp:txXfrm>
    </dsp:sp>
    <dsp:sp modelId="{91A081F6-BBCC-426C-BD14-AFF9D40E2D68}">
      <dsp:nvSpPr>
        <dsp:cNvPr id="0" name=""/>
        <dsp:cNvSpPr/>
      </dsp:nvSpPr>
      <dsp:spPr>
        <a:xfrm rot="10800000">
          <a:off x="0" y="1762050"/>
          <a:ext cx="10441160" cy="1778569"/>
        </a:xfrm>
        <a:prstGeom prst="upArrowCallout">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49352" tIns="149352" rIns="149352" bIns="149352" numCol="1" spcCol="1270" anchor="ctr" anchorCtr="0">
          <a:noAutofit/>
        </a:bodyPr>
        <a:lstStyle/>
        <a:p>
          <a:pPr marL="0" lvl="0" indent="0" algn="ctr" defTabSz="933450">
            <a:lnSpc>
              <a:spcPct val="90000"/>
            </a:lnSpc>
            <a:spcBef>
              <a:spcPct val="0"/>
            </a:spcBef>
            <a:spcAft>
              <a:spcPct val="35000"/>
            </a:spcAft>
            <a:buNone/>
          </a:pPr>
          <a:r>
            <a:rPr lang="en-GB" sz="2100" kern="1200" dirty="0"/>
            <a:t>New service provider may want to run a post-transfer information and consultation exercise if pre-transfer process has been deficient – doesn’t avoid claims but may reduce the risk</a:t>
          </a:r>
          <a:endParaRPr lang="en-US" sz="2100" kern="1200" dirty="0"/>
        </a:p>
      </dsp:txBody>
      <dsp:txXfrm rot="10800000">
        <a:off x="0" y="1762050"/>
        <a:ext cx="10441160" cy="1155661"/>
      </dsp:txXfrm>
    </dsp:sp>
    <dsp:sp modelId="{0D173828-91ED-4767-8C78-BE9F48E0FCEC}">
      <dsp:nvSpPr>
        <dsp:cNvPr id="0" name=""/>
        <dsp:cNvSpPr/>
      </dsp:nvSpPr>
      <dsp:spPr>
        <a:xfrm rot="10800000">
          <a:off x="0" y="827"/>
          <a:ext cx="10441160" cy="1778569"/>
        </a:xfrm>
        <a:prstGeom prst="upArrowCallout">
          <a:avLst/>
        </a:prstGeom>
        <a:solidFill>
          <a:schemeClr val="lt1">
            <a:hueOff val="0"/>
            <a:satOff val="0"/>
            <a:lumOff val="0"/>
            <a:alphaOff val="0"/>
          </a:schemeClr>
        </a:solidFill>
        <a:ln w="38100" cap="flat" cmpd="sng" algn="ctr">
          <a:solidFill>
            <a:schemeClr val="accent1">
              <a:shade val="80000"/>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49352" tIns="149352" rIns="149352" bIns="149352" numCol="1" spcCol="1270" anchor="ctr" anchorCtr="0">
          <a:noAutofit/>
        </a:bodyPr>
        <a:lstStyle/>
        <a:p>
          <a:pPr marL="0" lvl="0" indent="0" algn="ctr" defTabSz="933450">
            <a:lnSpc>
              <a:spcPct val="90000"/>
            </a:lnSpc>
            <a:spcBef>
              <a:spcPct val="0"/>
            </a:spcBef>
            <a:spcAft>
              <a:spcPct val="35000"/>
            </a:spcAft>
            <a:buNone/>
          </a:pPr>
          <a:r>
            <a:rPr lang="en-GB" sz="2100" kern="1200"/>
            <a:t>Parties can ask client to exert commercial pressure on non-participating party to encourage engagement</a:t>
          </a:r>
          <a:endParaRPr lang="en-US" sz="2100" kern="1200"/>
        </a:p>
      </dsp:txBody>
      <dsp:txXfrm rot="10800000">
        <a:off x="0" y="827"/>
        <a:ext cx="10441160" cy="1155661"/>
      </dsp:txXfrm>
    </dsp:sp>
  </dsp:spTree>
</dsp:drawing>
</file>

<file path=ppt/diagrams/layout1.xml><?xml version="1.0" encoding="utf-8"?>
<dgm:layoutDef xmlns:dgm="http://schemas.openxmlformats.org/drawingml/2006/diagram" xmlns:a="http://schemas.openxmlformats.org/drawingml/2006/main" uniqueId="urn:diagrams.loki3.com/BracketList">
  <dgm:title val="Vertical Bracket List"/>
  <dgm:desc val="Use to show grouped blocks of information.  Works well with large amounts of Level 2 text."/>
  <dgm:catLst>
    <dgm:cat type="list" pri="4110"/>
    <dgm:cat type="officeonline" pri="3000"/>
  </dgm:catLst>
  <dgm:sampData>
    <dgm:dataModel>
      <dgm:ptLst>
        <dgm:pt modelId="0" type="doc"/>
        <dgm:pt modelId="1">
          <dgm:prSet phldr="1"/>
        </dgm:pt>
        <dgm:pt modelId="11">
          <dgm:prSet phldr="1"/>
        </dgm:pt>
        <dgm:pt modelId="2">
          <dgm:prSet phldr="1"/>
        </dgm:pt>
        <dgm:pt modelId="21">
          <dgm:prSet phldr="1"/>
        </dgm:pt>
      </dgm:ptLst>
      <dgm:cxnLst>
        <dgm:cxn modelId="3" srcId="0" destId="1" srcOrd="0" destOrd="0"/>
        <dgm:cxn modelId="4" srcId="1" destId="11" srcOrd="0" destOrd="0"/>
        <dgm:cxn modelId="5" srcId="0" destId="2" srcOrd="0" destOrd="0"/>
        <dgm:cxn modelId="6" srcId="2" destId="21" srcOrd="0" destOrd="0"/>
      </dgm:cxnLst>
      <dgm:bg/>
      <dgm:whole/>
    </dgm:dataModel>
  </dgm:sampData>
  <dgm:styleData useDef="1">
    <dgm:dataModel>
      <dgm:ptLst/>
      <dgm:bg/>
      <dgm:whole/>
    </dgm:dataModel>
  </dgm:styleData>
  <dgm:clrData useDef="1">
    <dgm:dataModel>
      <dgm:ptLst/>
      <dgm:bg/>
      <dgm:whole/>
    </dgm:dataModel>
  </dgm:clrData>
  <dgm:layoutNode name="Name0">
    <dgm:varLst>
      <dgm:dir/>
      <dgm:animLvl val="lvl"/>
      <dgm:resizeHandles val="exact"/>
    </dgm:varLst>
    <dgm:choose name="Name1">
      <dgm:if name="Name2" func="var" arg="dir" op="equ" val="norm">
        <dgm:alg type="lin">
          <dgm:param type="linDir" val="fromT"/>
          <dgm:param type="nodeHorzAlign" val="l"/>
        </dgm:alg>
      </dgm:if>
      <dgm:else name="Name3">
        <dgm:alg type="lin">
          <dgm:param type="linDir" val="fromT"/>
          <dgm:param type="nodeHorzAlign" val="r"/>
        </dgm:alg>
      </dgm:else>
    </dgm:choose>
    <dgm:shape xmlns:r="http://schemas.openxmlformats.org/officeDocument/2006/relationships" r:blip="">
      <dgm:adjLst/>
    </dgm:shape>
    <dgm:presOf/>
    <dgm:constrLst>
      <dgm:constr type="h" for="ch" forName="linNode" refType="h"/>
      <dgm:constr type="w" for="ch" forName="linNode" refType="w"/>
      <dgm:constr type="h" for="ch" forName="spV" refType="primFontSz" refFor="des" refForName="parTx" fact="0.1"/>
      <dgm:constr type="primFontSz" for="des" forName="parTx" val="65"/>
      <dgm:constr type="primFontSz" for="des" forName="desTx" refType="primFontSz" refFor="des" refForName="parTx"/>
      <dgm:constr type="h" for="des" forName="parTx" refType="primFontSz" refFor="des" refForName="parTx" fact="0.55"/>
      <dgm:constr type="h" for="des" forName="bracket" refType="primFontSz" refFor="des" refForName="parTx" fact="0.55"/>
      <dgm:constr type="h" for="des" forName="desTx" refType="primFontSz" refFor="des" refForName="parTx" fact="0.55"/>
    </dgm:constrLst>
    <dgm:ruleLst>
      <dgm:rule type="primFontSz" for="des" forName="parTx" val="5" fact="NaN" max="NaN"/>
    </dgm:ruleLst>
    <dgm:forEach name="Name4" axis="ch" ptType="node">
      <dgm:layoutNode name="linNode">
        <dgm:choose name="Name5">
          <dgm:if name="Name6" func="var" arg="dir" op="equ" val="norm">
            <dgm:alg type="lin">
              <dgm:param type="linDir" val="fromL"/>
            </dgm:alg>
          </dgm:if>
          <dgm:else name="Name7">
            <dgm:alg type="lin">
              <dgm:param type="linDir" val="fromR"/>
            </dgm:alg>
          </dgm:else>
        </dgm:choose>
        <dgm:shape xmlns:r="http://schemas.openxmlformats.org/officeDocument/2006/relationships" r:blip="">
          <dgm:adjLst/>
        </dgm:shape>
        <dgm:presOf/>
        <dgm:constrLst>
          <dgm:constr type="w" for="ch" forName="parTx" refType="w" fact="0.25"/>
          <dgm:constr type="w" for="ch" forName="bracket" refType="w" fact="0.05"/>
          <dgm:constr type="w" for="ch" forName="spH" refType="w" fact="0.02"/>
          <dgm:constr type="w" for="ch" forName="desTx" refType="w" fact="0.68"/>
          <dgm:constr type="h" for="ch" forName="bracket" refType="h" refFor="ch" refForName="desTx" op="gte"/>
          <dgm:constr type="h" for="ch" forName="bracket" refType="h" refFor="ch" refForName="parTx" op="gte"/>
          <dgm:constr type="h" for="ch" forName="desTx" refType="h" refFor="ch" refForName="parTx" op="gte"/>
        </dgm:constrLst>
        <dgm:ruleLst/>
        <dgm:layoutNode name="parTx" styleLbl="revTx">
          <dgm:varLst>
            <dgm:chMax val="1"/>
            <dgm:bulletEnabled val="1"/>
          </dgm:varLst>
          <dgm:choose name="Name8">
            <dgm:if name="Name9" func="var" arg="dir" op="equ" val="norm">
              <dgm:alg type="tx">
                <dgm:param type="parTxLTRAlign" val="r"/>
              </dgm:alg>
            </dgm:if>
            <dgm:else name="Name10">
              <dgm:alg type="tx">
                <dgm:param type="parTxLTRAlign" val="l"/>
              </dgm:alg>
            </dgm:else>
          </dgm:choose>
          <dgm:shape xmlns:r="http://schemas.openxmlformats.org/officeDocument/2006/relationships" type="rect" r:blip="">
            <dgm:adjLst/>
          </dgm:shape>
          <dgm:presOf axis="self" ptType="node"/>
          <dgm:constrLst>
            <dgm:constr type="tMarg" refType="primFontSz" fact="0.2"/>
            <dgm:constr type="bMarg" refType="primFontSz" fact="0.2"/>
          </dgm:constrLst>
          <dgm:ruleLst>
            <dgm:rule type="h" val="INF" fact="NaN" max="NaN"/>
          </dgm:ruleLst>
        </dgm:layoutNode>
        <dgm:layoutNode name="bracket" styleLbl="parChTrans1D1">
          <dgm:alg type="sp"/>
          <dgm:choose name="Name11">
            <dgm:if name="Name12" func="var" arg="dir" op="equ" val="norm">
              <dgm:shape xmlns:r="http://schemas.openxmlformats.org/officeDocument/2006/relationships" type="leftBrace" r:blip="">
                <dgm:adjLst>
                  <dgm:adj idx="1" val="0.35"/>
                </dgm:adjLst>
              </dgm:shape>
            </dgm:if>
            <dgm:else name="Name13">
              <dgm:shape xmlns:r="http://schemas.openxmlformats.org/officeDocument/2006/relationships" rot="180" type="leftBrace" r:blip="">
                <dgm:adjLst>
                  <dgm:adj idx="1" val="0.35"/>
                </dgm:adjLst>
              </dgm:shape>
            </dgm:else>
          </dgm:choose>
          <dgm:presOf/>
        </dgm:layoutNode>
        <dgm:layoutNode name="spH">
          <dgm:alg type="sp"/>
        </dgm:layoutNode>
        <dgm:choose name="Name14">
          <dgm:if name="Name15" axis="ch" ptType="node" func="cnt" op="gte" val="1">
            <dgm:layoutNode name="desTx" styleLbl="node1">
              <dgm:varLst>
                <dgm:bulletEnabled val="1"/>
              </dgm:varLst>
              <dgm:alg type="tx">
                <dgm:param type="stBulletLvl" val="1"/>
                <dgm:param type="txAnchorVertCh" val="mid"/>
              </dgm:alg>
              <dgm:shape xmlns:r="http://schemas.openxmlformats.org/officeDocument/2006/relationships" type="rect" r:blip="">
                <dgm:adjLst/>
              </dgm:shape>
              <dgm:presOf axis="des" ptType="node"/>
              <dgm:constrLst>
                <dgm:constr type="secFontSz" refType="primFontSz"/>
                <dgm:constr type="tMarg" refType="primFontSz" fact="0.3"/>
                <dgm:constr type="bMarg" refType="primFontSz" fact="0.3"/>
                <dgm:constr type="lMarg" refType="primFontSz" fact="0.3"/>
                <dgm:constr type="rMarg" refType="primFontSz" fact="0.3"/>
              </dgm:constrLst>
              <dgm:ruleLst>
                <dgm:rule type="h" val="INF" fact="NaN" max="NaN"/>
              </dgm:ruleLst>
            </dgm:layoutNode>
          </dgm:if>
          <dgm:else name="Name16"/>
        </dgm:choose>
      </dgm:layoutNode>
      <dgm:forEach name="Name17" axis="followSib" ptType="sibTrans" cnt="1">
        <dgm:layoutNode name="spV">
          <dgm:alg type="sp"/>
        </dgm:layoutNode>
      </dgm:forEach>
    </dgm:forEach>
  </dgm:layoutNode>
</dgm:layoutDef>
</file>

<file path=ppt/diagrams/layout10.xml><?xml version="1.0" encoding="utf-8"?>
<dgm:layoutDef xmlns:dgm="http://schemas.openxmlformats.org/drawingml/2006/diagram" xmlns:a="http://schemas.openxmlformats.org/drawingml/2006/main" uniqueId="urn:microsoft.com/office/officeart/2018/2/layout/IconCircleList">
  <dgm:title val="Icon Circle List"/>
  <dgm:desc val="Use to show non-sequential or grouped chunks of information accompanied by related visuals. Circular shapes can hold an icon or small picture and corresponding text box shows Level 1 text. Works best for icons or small pictures with medium-length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alg type="sp"/>
    <dgm:shape xmlns:r="http://schemas.openxmlformats.org/officeDocument/2006/relationships" r:blip="">
      <dgm:adjLst/>
    </dgm:shape>
    <dgm:presOf/>
    <dgm:choose name="Name0">
      <dgm:if name="Name1" axis="ch" ptType="node" func="cnt" op="lte" val="3">
        <dgm:constrLst>
          <dgm:constr type="w" for="ch" forName="container" refType="w"/>
          <dgm:constr type="h" for="ch" forName="container" refType="h" fact="0.4"/>
        </dgm:constrLst>
      </dgm:if>
      <dgm:else name="Name2">
        <dgm:constrLst>
          <dgm:constr type="w" for="ch" forName="container" refType="w"/>
          <dgm:constr type="h" for="ch" forName="container" refType="h"/>
        </dgm:constrLst>
      </dgm:else>
    </dgm:choose>
    <dgm:ruleLst>
      <dgm:rule type="h" for="ch" forName="container" val="INF" fact="NaN" max="NaN"/>
    </dgm:ruleLst>
    <dgm:layoutNode name="container">
      <dgm:varLst>
        <dgm:dir/>
        <dgm:resizeHandles val="exact"/>
      </dgm:varLst>
      <dgm:choose name="Name3">
        <dgm:if name="Name4" axis="self" func="var" arg="dir" op="equ" val="norm">
          <dgm:alg type="snake">
            <dgm:param type="grDir" val="tL"/>
            <dgm:param type="flowDir" val="row"/>
            <dgm:param type="contDir" val="sameDir"/>
          </dgm:alg>
        </dgm:if>
        <dgm:else name="Name5">
          <dgm:alg type="snake">
            <dgm:param type="grDir" val="tR"/>
            <dgm:param type="flowDir" val="row"/>
            <dgm:param type="contDir" val="sameDir"/>
          </dgm:alg>
        </dgm:else>
      </dgm:choose>
      <dgm:shape xmlns:r="http://schemas.openxmlformats.org/officeDocument/2006/relationships" r:blip="">
        <dgm:adjLst/>
      </dgm:shape>
      <dgm:presOf/>
      <dgm:constrLst>
        <dgm:constr type="w" for="ch" forName="compNode" refType="w"/>
        <dgm:constr type="h" for="ch" forName="compNode" refType="w" fact="0.28"/>
        <dgm:constr type="w" for="ch" forName="sibTrans" refType="w" refFor="ch" refForName="compNode" fact="0.115"/>
        <dgm:constr type="sp" refType="h" op="equ" fact="0.17"/>
        <dgm:constr type="primFontSz" for="des" ptType="node" op="equ" val="24"/>
        <dgm:constr type="h" for="des" forName="compNode" op="equ"/>
        <dgm:constr type="h" for="des" forName="iconBgRect" op="equ"/>
      </dgm:constrLst>
      <dgm:ruleLst>
        <dgm:rule type="w" for="ch" forName="compNode" val="60" fact="NaN" max="NaN"/>
      </dgm:ruleLst>
      <dgm:forEach name="Name6" axis="ch" ptType="node">
        <dgm:layoutNode name="compNode">
          <dgm:alg type="composite"/>
          <dgm:shape xmlns:r="http://schemas.openxmlformats.org/officeDocument/2006/relationships" r:blip="">
            <dgm:adjLst/>
          </dgm:shape>
          <dgm:presOf axis="self"/>
          <dgm:constrLst>
            <dgm:constr type="w" for="ch" forName="iconBgRect" refType="w" fact="0.28"/>
            <dgm:constr type="h" for="ch" forName="iconBgRect" refType="w" refFor="ch" refForName="iconBgRect"/>
            <dgm:constr type="t" for="ch" forName="iconBgRect"/>
            <dgm:constr type="l" for="ch" forName="iconBgRect"/>
            <dgm:constr type="w" for="ch" forName="iconRect" refType="w" refFor="ch" refForName="iconBgRect" fact="0.58"/>
            <dgm:constr type="h" for="ch" forName="iconRect" refType="w" refFor="ch" refForName="iconRect"/>
            <dgm:constr type="ctrX" for="ch" forName="iconRect" refType="ctrX" refFor="ch" refForName="iconBgRect"/>
            <dgm:constr type="ctrY" for="ch" forName="iconRect" refType="ctrY" refFor="ch" refForName="iconBgRect"/>
            <dgm:constr type="w" for="ch" forName="spaceRect" refType="w" fact="0.06"/>
            <dgm:constr type="h" for="ch" forName="spaceRect" refType="h" refFor="ch" refForName="iconBgRect"/>
            <dgm:constr type="t" for="ch" forName="spaceRect" refType="t" refFor="ch" refForName="iconBgRect"/>
            <dgm:constr type="l" for="ch" forName="spaceRect" refType="r" refFor="ch" refForName="iconBgRect"/>
            <dgm:constr type="h" for="ch" forName="textRect" refType="h" refFor="ch" refForName="iconBgRect"/>
            <dgm:constr type="t" for="ch" forName="textRect" refType="t" refFor="ch" refForName="iconBgRect"/>
            <dgm:constr type="l" for="ch" forName="textRect" refType="r" refFor="ch" refForName="spaceRect"/>
          </dgm:constrLst>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choose name="Name7">
              <dgm:if name="Name8" func="var" arg="dir" op="equ" val="norm">
                <dgm:alg type="tx">
                  <dgm:param type="txAnchorVert" val="mid"/>
                  <dgm:param type="parTxLTRAlign" val="l"/>
                  <dgm:param type="shpTxLTRAlignCh" val="l"/>
                  <dgm:param type="parTxRTLAlign" val="l"/>
                  <dgm:param type="shpTxRTLAlignCh" val="l"/>
                </dgm:alg>
              </dgm:if>
              <dgm:else name="Name9">
                <dgm:alg type="tx">
                  <dgm:param type="txAnchorVert" val="mid"/>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Lst>
          </dgm:layoutNode>
        </dgm:layoutNode>
        <dgm:forEach name="Name10"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extLst>
    <a:ext uri="{68A01E43-0DF5-4B5B-8FA6-DAF915123BFB}">
      <dgm1612:lstStyle xmlns:dgm1612="http://schemas.microsoft.com/office/drawing/2016/12/diagram">
        <a:lvl1pPr>
          <a:lnSpc>
            <a:spcPct val="100000"/>
          </a:lnSpc>
        </a:lvl1pPr>
      </dgm1612:lstStyle>
    </a:ext>
  </dgm:extLst>
</dgm:layoutDef>
</file>

<file path=ppt/diagrams/layout11.xml><?xml version="1.0" encoding="utf-8"?>
<dgm:layoutDef xmlns:dgm="http://schemas.openxmlformats.org/drawingml/2006/diagram" xmlns:a="http://schemas.openxmlformats.org/drawingml/2006/main" uniqueId="urn:microsoft.com/office/officeart/2005/8/layout/vProcess5">
  <dgm:title val=""/>
  <dgm:desc val=""/>
  <dgm:catLst>
    <dgm:cat type="process" pri="14000"/>
  </dgm:catLst>
  <dgm:sampData>
    <dgm:dataModel>
      <dgm:ptLst>
        <dgm:pt modelId="0" type="doc"/>
        <dgm:pt modelId="1">
          <dgm:prSet phldr="1"/>
        </dgm:pt>
        <dgm:pt modelId="2">
          <dgm:prSet phldr="1"/>
        </dgm:pt>
        <dgm:pt modelId="3">
          <dgm:prSet phldr="1"/>
        </dgm:pt>
      </dgm:ptLst>
      <dgm:cxnLst>
        <dgm:cxn modelId="5" srcId="0" destId="1" srcOrd="0" destOrd="0"/>
        <dgm:cxn modelId="6" srcId="0" destId="2" srcOrd="1" destOrd="0"/>
        <dgm:cxn modelId="7" srcId="0" destId="3" srcOrd="2"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6" srcId="0" destId="1" srcOrd="0" destOrd="0"/>
        <dgm:cxn modelId="7" srcId="0" destId="2" srcOrd="1" destOrd="0"/>
        <dgm:cxn modelId="8" srcId="0" destId="3" srcOrd="2" destOrd="0"/>
        <dgm:cxn modelId="9" srcId="0" destId="4" srcOrd="3" destOrd="0"/>
      </dgm:cxnLst>
      <dgm:bg/>
      <dgm:whole/>
    </dgm:dataModel>
  </dgm:clrData>
  <dgm:layoutNode name="outerComposite">
    <dgm:varLst>
      <dgm:chMax val="5"/>
      <dgm:dir/>
      <dgm:resizeHandles val="exact"/>
    </dgm:varLst>
    <dgm:alg type="composite"/>
    <dgm:shape xmlns:r="http://schemas.openxmlformats.org/officeDocument/2006/relationships" r:blip="">
      <dgm:adjLst/>
    </dgm:shape>
    <dgm:presOf/>
    <dgm:choose name="Name0">
      <dgm:if name="Name1" func="var" arg="dir" op="equ" val="norm">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l" for="ch" forName="TwoNodes_1"/>
          <dgm:constr type="w" for="ch" forName="TwoNodes_2" refType="w" fact="0.85"/>
          <dgm:constr type="h" for="ch" forName="TwoNodes_2" refType="h" fact="0.45"/>
          <dgm:constr type="b" for="ch" forName="TwoNodes_2" refType="h"/>
          <dgm:constr type="r" for="ch" forName="TwoNodes_2" refType="w"/>
          <dgm:constr type="w" for="ch" forName="TwoConn_1-2" refType="h" refFor="ch" refForName="TwoNodes_1" fact="0.65"/>
          <dgm:constr type="h" for="ch" forName="TwoConn_1-2" refType="h" refFor="ch" refForName="TwoNodes_1" fact="0.65"/>
          <dgm:constr type="ctrY" for="ch" forName="TwoConn_1-2" refType="h" fact="0.5"/>
          <dgm:constr type="r" for="ch" forName="TwoConn_1-2" refType="r" refFor="ch" refForName="TwoNodes_1"/>
          <dgm:constr type="r" for="ch" forName="TwoNodes_1_text" refType="l" refFor="ch" refForName="TwoConn_1-2"/>
          <dgm:constr type="rOff" for="ch" forName="TwoNodes_1_text" refType="w" refFor="ch" refForName="TwoConn_1-2" fact="-0.5"/>
          <dgm:constr type="t" for="ch" forName="TwoNodes_1_text" refType="t" refFor="ch" refForName="TwoNodes_1"/>
          <dgm:constr type="b" for="ch" forName="TwoNodes_1_text" refType="b" refFor="ch" refForName="TwoNodes_1"/>
          <dgm:constr type="l" for="ch" forName="TwoNodes_1_text" refType="l" refFor="ch" refForName="TwoNodes_1"/>
          <dgm:constr type="r" for="ch" forName="TwoNodes_2_text" refType="l" refFor="ch" refForName="TwoConn_1-2"/>
          <dgm:constr type="t" for="ch" forName="TwoNodes_2_text" refType="t" refFor="ch" refForName="TwoNodes_2"/>
          <dgm:constr type="b" for="ch" forName="TwoNodes_2_text" refType="b" refFor="ch" refForName="TwoNodes_2"/>
          <dgm:constr type="l" for="ch" forName="TwoNodes_2_text" refType="l" refFor="ch" refForName="TwoNodes_2"/>
          <dgm:constr type="w" for="ch" forName="ThreeNodes_1" refType="w" fact="0.85"/>
          <dgm:constr type="h" for="ch" forName="ThreeNodes_1" refType="h" fact="0.3"/>
          <dgm:constr type="t" for="ch" forName="ThreeNodes_1"/>
          <dgm:constr type="l" for="ch" forName="ThreeNodes_1"/>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r" for="ch" forName="ThreeNodes_3" refType="w"/>
          <dgm:constr type="w" for="ch" forName="ThreeConn_1-2" refType="h" refFor="ch" refForName="ThreeNodes_1" fact="0.65"/>
          <dgm:constr type="h" for="ch" forName="ThreeConn_1-2" refType="h" refFor="ch" refForName="ThreeNodes_1" fact="0.65"/>
          <dgm:constr type="ctrY" for="ch" forName="ThreeConn_1-2" refType="h" fact="0.325"/>
          <dgm:constr type="r" for="ch" forName="ThreeConn_1-2" refType="r"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r" for="ch" forName="ThreeConn_2-3" refType="r" refFor="ch" refForName="ThreeNodes_2"/>
          <dgm:constr type="r" for="ch" forName="ThreeNodes_1_text" refType="l" refFor="ch" refForName="ThreeConn_1-2"/>
          <dgm:constr type="rOff" for="ch" forName="ThreeNodes_1_text" refType="w" refFor="ch" refForName="ThreeConn_1-2" fact="-0.57"/>
          <dgm:constr type="t" for="ch" forName="ThreeNodes_1_text" refType="t" refFor="ch" refForName="ThreeNodes_1"/>
          <dgm:constr type="b" for="ch" forName="ThreeNodes_1_text" refType="b" refFor="ch" refForName="ThreeNodes_1"/>
          <dgm:constr type="l" for="ch" forName="ThreeNodes_1_text" refType="l" refFor="ch" refForName="ThreeNodes_1"/>
          <dgm:constr type="r" for="ch" forName="ThreeNodes_2_text" refType="l" refFor="ch" refForName="ThreeConn_1-2"/>
          <dgm:constr type="t" for="ch" forName="ThreeNodes_2_text" refType="t" refFor="ch" refForName="ThreeNodes_2"/>
          <dgm:constr type="b" for="ch" forName="ThreeNodes_2_text" refType="b" refFor="ch" refForName="ThreeNodes_2"/>
          <dgm:constr type="l" for="ch" forName="ThreeNodes_2_text" refType="l" refFor="ch" refForName="ThreeNodes_2"/>
          <dgm:constr type="r" for="ch" forName="ThreeNodes_3_text" refType="l" refFor="ch" refForName="ThreeConn_2-3"/>
          <dgm:constr type="t" for="ch" forName="ThreeNodes_3_text" refType="t" refFor="ch" refForName="ThreeNodes_3"/>
          <dgm:constr type="b" for="ch" forName="ThreeNodes_3_text" refType="b" refFor="ch" refForName="ThreeNodes_3"/>
          <dgm:constr type="l" for="ch" forName="ThreeNodes_3_text" refType="l" refFor="ch" refForName="ThreeNodes_3"/>
          <dgm:constr type="w" for="ch" forName="FourNodes_1" refType="w" fact="0.8"/>
          <dgm:constr type="h" for="ch" forName="FourNodes_1" refType="h" fact="0.22"/>
          <dgm:constr type="t" for="ch" forName="FourNodes_1"/>
          <dgm:constr type="l" for="ch" forName="FourNodes_1"/>
          <dgm:constr type="w" for="ch" forName="FourNodes_2" refType="w" fact="0.8"/>
          <dgm:constr type="h" for="ch" forName="FourNodes_2" refType="h" fact="0.22"/>
          <dgm:constr type="ctrY" for="ch" forName="FourNodes_2" refType="h" fact="0.37"/>
          <dgm:constr type="ctrX" for="ch" forName="FourNodes_2" refType="w" fact="0.467"/>
          <dgm:constr type="w" for="ch" forName="FourNodes_3" refType="w" fact="0.8"/>
          <dgm:constr type="h" for="ch" forName="FourNodes_3" refType="h" fact="0.22"/>
          <dgm:constr type="ctrY" for="ch" forName="FourNodes_3" refType="h" fact="0.63"/>
          <dgm:constr type="ctrX" for="ch" forName="FourNodes_3" refType="w" fact="0.533"/>
          <dgm:constr type="w" for="ch" forName="FourNodes_4" refType="w" fact="0.8"/>
          <dgm:constr type="h" for="ch" forName="FourNodes_4" refType="h" fact="0.22"/>
          <dgm:constr type="b" for="ch" forName="FourNodes_4" refType="h"/>
          <dgm:constr type="r" for="ch" forName="FourNodes_4" refType="w"/>
          <dgm:constr type="w" for="ch" forName="FourConn_1-2" refType="h" refFor="ch" refForName="FourNodes_1" fact="0.65"/>
          <dgm:constr type="h" for="ch" forName="FourConn_1-2" refType="h" refFor="ch" refForName="FourNodes_1" fact="0.65"/>
          <dgm:constr type="ctrY" for="ch" forName="FourConn_1-2" refType="h" fact="0.24"/>
          <dgm:constr type="r" for="ch" forName="FourConn_1-2" refType="r"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r" for="ch" forName="FourConn_2-3" refType="r"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r" for="ch" forName="FourConn_3-4" refType="r" refFor="ch" refForName="FourNodes_3"/>
          <dgm:constr type="r" for="ch" forName="FourNodes_1_text" refType="l" refFor="ch" refForName="FourConn_1-2"/>
          <dgm:constr type="rOff" for="ch" forName="FourNodes_1_text" refType="w" refFor="ch" refForName="FourConn_1-2" fact="-0.7"/>
          <dgm:constr type="t" for="ch" forName="FourNodes_1_text" refType="t" refFor="ch" refForName="FourNodes_1"/>
          <dgm:constr type="b" for="ch" forName="FourNodes_1_text" refType="b" refFor="ch" refForName="FourNodes_1"/>
          <dgm:constr type="l" for="ch" forName="FourNodes_1_text" refType="l" refFor="ch" refForName="FourNodes_1"/>
          <dgm:constr type="r" for="ch" forName="FourNodes_2_text" refType="l" refFor="ch" refForName="FourConn_1-2"/>
          <dgm:constr type="t" for="ch" forName="FourNodes_2_text" refType="t" refFor="ch" refForName="FourNodes_2"/>
          <dgm:constr type="b" for="ch" forName="FourNodes_2_text" refType="b" refFor="ch" refForName="FourNodes_2"/>
          <dgm:constr type="l" for="ch" forName="FourNodes_2_text" refType="l" refFor="ch" refForName="FourNodes_2"/>
          <dgm:constr type="r" for="ch" forName="FourNodes_3_text" refType="l" refFor="ch" refForName="FourConn_2-3"/>
          <dgm:constr type="t" for="ch" forName="FourNodes_3_text" refType="t" refFor="ch" refForName="FourNodes_3"/>
          <dgm:constr type="b" for="ch" forName="FourNodes_3_text" refType="b" refFor="ch" refForName="FourNodes_3"/>
          <dgm:constr type="l" for="ch" forName="FourNodes_3_text" refType="l" refFor="ch" refForName="FourNodes_3"/>
          <dgm:constr type="r" for="ch" forName="FourNodes_4_text" refType="l" refFor="ch" refForName="FourConn_3-4"/>
          <dgm:constr type="t" for="ch" forName="FourNodes_4_text" refType="t" refFor="ch" refForName="FourNodes_4"/>
          <dgm:constr type="b" for="ch" forName="FourNodes_4_text" refType="b" refFor="ch" refForName="FourNodes_4"/>
          <dgm:constr type="l" for="ch" forName="FourNodes_4_text" refType="l" refFor="ch" refForName="FourNodes_4"/>
          <dgm:constr type="w" for="ch" forName="FiveNodes_1" refType="w" fact="0.77"/>
          <dgm:constr type="h" for="ch" forName="FiveNodes_1" refType="h" fact="0.18"/>
          <dgm:constr type="t" for="ch" forName="FiveNodes_1"/>
          <dgm:constr type="l" for="ch" forName="FiveNodes_1"/>
          <dgm:constr type="w" for="ch" forName="FiveNodes_2" refType="w" fact="0.77"/>
          <dgm:constr type="h" for="ch" forName="FiveNodes_2" refType="h" fact="0.18"/>
          <dgm:constr type="ctrY" for="ch" forName="FiveNodes_2" refType="h" fact="0.295"/>
          <dgm:constr type="ctrX" for="ch" forName="FiveNodes_2" refType="w" fact="0.442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5575"/>
          <dgm:constr type="w" for="ch" forName="FiveNodes_5" refType="w" fact="0.77"/>
          <dgm:constr type="h" for="ch" forName="FiveNodes_5" refType="h" fact="0.18"/>
          <dgm:constr type="b" for="ch" forName="FiveNodes_5" refType="h"/>
          <dgm:constr type="r" for="ch" forName="FiveNodes_5" refType="w"/>
          <dgm:constr type="w" for="ch" forName="FiveConn_1-2" refType="h" refFor="ch" refForName="FiveNodes_1" fact="0.65"/>
          <dgm:constr type="h" for="ch" forName="FiveConn_1-2" refType="h" refFor="ch" refForName="FiveNodes_1" fact="0.65"/>
          <dgm:constr type="ctrY" for="ch" forName="FiveConn_1-2" refType="h" fact="0.19"/>
          <dgm:constr type="r" for="ch" forName="FiveConn_1-2" refType="r"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r" for="ch" forName="FiveConn_2-3" refType="r"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r" for="ch" forName="FiveConn_3-4" refType="r"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r" for="ch" forName="FiveConn_4-5" refType="r" refFor="ch" refForName="FiveNodes_4"/>
          <dgm:constr type="r" for="ch" forName="FiveNodes_1_text" refType="l" refFor="ch" refForName="FiveConn_1-2"/>
          <dgm:constr type="rOff" for="ch" forName="FiveNodes_1_text" refType="w" refFor="ch" refForName="FiveConn_1-2" fact="-0.75"/>
          <dgm:constr type="t" for="ch" forName="FiveNodes_1_text" refType="t" refFor="ch" refForName="FiveNodes_1"/>
          <dgm:constr type="b" for="ch" forName="FiveNodes_1_text" refType="b" refFor="ch" refForName="FiveNodes_1"/>
          <dgm:constr type="l" for="ch" forName="FiveNodes_1_text" refType="l" refFor="ch" refForName="FiveNodes_1"/>
          <dgm:constr type="r" for="ch" forName="FiveNodes_2_text" refType="l" refFor="ch" refForName="FiveConn_1-2"/>
          <dgm:constr type="t" for="ch" forName="FiveNodes_2_text" refType="t" refFor="ch" refForName="FiveNodes_2"/>
          <dgm:constr type="b" for="ch" forName="FiveNodes_2_text" refType="b" refFor="ch" refForName="FiveNodes_2"/>
          <dgm:constr type="l" for="ch" forName="FiveNodes_2_text" refType="l" refFor="ch" refForName="FiveNodes_2"/>
          <dgm:constr type="r" for="ch" forName="FiveNodes_3_text" refType="l" refFor="ch" refForName="FiveConn_2-3"/>
          <dgm:constr type="t" for="ch" forName="FiveNodes_3_text" refType="t" refFor="ch" refForName="FiveNodes_3"/>
          <dgm:constr type="b" for="ch" forName="FiveNodes_3_text" refType="b" refFor="ch" refForName="FiveNodes_3"/>
          <dgm:constr type="l" for="ch" forName="FiveNodes_3_text" refType="l" refFor="ch" refForName="FiveNodes_3"/>
          <dgm:constr type="r" for="ch" forName="FiveNodes_4_text" refType="l" refFor="ch" refForName="FiveConn_3-4"/>
          <dgm:constr type="t" for="ch" forName="FiveNodes_4_text" refType="t" refFor="ch" refForName="FiveNodes_4"/>
          <dgm:constr type="b" for="ch" forName="FiveNodes_4_text" refType="b" refFor="ch" refForName="FiveNodes_4"/>
          <dgm:constr type="l" for="ch" forName="FiveNodes_4_text" refType="l" refFor="ch" refForName="FiveNodes_4"/>
          <dgm:constr type="r" for="ch" forName="FiveNodes_5_text" refType="l" refFor="ch" refForName="FiveConn_4-5"/>
          <dgm:constr type="t" for="ch" forName="FiveNodes_5_text" refType="t" refFor="ch" refForName="FiveNodes_5"/>
          <dgm:constr type="b" for="ch" forName="FiveNodes_5_text" refType="b" refFor="ch" refForName="FiveNodes_5"/>
          <dgm:constr type="l" for="ch" forName="FiveNodes_5_text" refType="l" refFor="ch" refForName="FiveNodes_5"/>
        </dgm:constrLst>
      </dgm:if>
      <dgm:else name="Name2">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r" for="ch" forName="TwoNodes_1" refType="w"/>
          <dgm:constr type="w" for="ch" forName="TwoNodes_2" refType="w" fact="0.85"/>
          <dgm:constr type="h" for="ch" forName="TwoNodes_2" refType="h" fact="0.45"/>
          <dgm:constr type="b" for="ch" forName="TwoNodes_2" refType="h"/>
          <dgm:constr type="l" for="ch" forName="TwoNodes_2"/>
          <dgm:constr type="w" for="ch" forName="TwoConn_1-2" refType="h" refFor="ch" refForName="TwoNodes_1" fact="0.65"/>
          <dgm:constr type="h" for="ch" forName="TwoConn_1-2" refType="h" refFor="ch" refForName="TwoNodes_1" fact="0.65"/>
          <dgm:constr type="ctrY" for="ch" forName="TwoConn_1-2" refType="h" fact="0.5"/>
          <dgm:constr type="l" for="ch" forName="TwoConn_1-2" refType="l" refFor="ch" refForName="TwoNodes_1"/>
          <dgm:constr type="l" for="ch" forName="TwoNodes_1_text" refType="r" refFor="ch" refForName="TwoConn_1-2"/>
          <dgm:constr type="lOff" for="ch" forName="TwoNodes_1_text" refType="w" refFor="ch" refForName="TwoConn_1-2" fact="0.5"/>
          <dgm:constr type="t" for="ch" forName="TwoNodes_1_text" refType="t" refFor="ch" refForName="TwoNodes_1"/>
          <dgm:constr type="b" for="ch" forName="TwoNodes_1_text" refType="b" refFor="ch" refForName="TwoNodes_1"/>
          <dgm:constr type="r" for="ch" forName="TwoNodes_1_text" refType="r" refFor="ch" refForName="TwoNodes_1"/>
          <dgm:constr type="l" for="ch" forName="TwoNodes_2_text" refType="r" refFor="ch" refForName="TwoConn_1-2"/>
          <dgm:constr type="t" for="ch" forName="TwoNodes_2_text" refType="t" refFor="ch" refForName="TwoNodes_2"/>
          <dgm:constr type="b" for="ch" forName="TwoNodes_2_text" refType="b" refFor="ch" refForName="TwoNodes_2"/>
          <dgm:constr type="r" for="ch" forName="TwoNodes_2_text" refType="r" refFor="ch" refForName="TwoNodes_2"/>
          <dgm:constr type="w" for="ch" forName="ThreeNodes_1" refType="w" fact="0.85"/>
          <dgm:constr type="h" for="ch" forName="ThreeNodes_1" refType="h" fact="0.3"/>
          <dgm:constr type="t" for="ch" forName="ThreeNodes_1"/>
          <dgm:constr type="r" for="ch" forName="ThreeNodes_1" refType="w"/>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l" for="ch" forName="ThreeNodes_3"/>
          <dgm:constr type="w" for="ch" forName="ThreeConn_1-2" refType="h" refFor="ch" refForName="ThreeNodes_1" fact="0.65"/>
          <dgm:constr type="h" for="ch" forName="ThreeConn_1-2" refType="h" refFor="ch" refForName="ThreeNodes_1" fact="0.65"/>
          <dgm:constr type="ctrY" for="ch" forName="ThreeConn_1-2" refType="h" fact="0.325"/>
          <dgm:constr type="l" for="ch" forName="ThreeConn_1-2" refType="l"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l" for="ch" forName="ThreeConn_2-3" refType="l" refFor="ch" refForName="ThreeNodes_2"/>
          <dgm:constr type="l" for="ch" forName="ThreeNodes_1_text" refType="r" refFor="ch" refForName="ThreeConn_1-2"/>
          <dgm:constr type="lOff" for="ch" forName="ThreeNodes_1_text" refType="w" refFor="ch" refForName="ThreeConn_1-2" fact="0.55"/>
          <dgm:constr type="t" for="ch" forName="ThreeNodes_1_text" refType="t" refFor="ch" refForName="ThreeNodes_1"/>
          <dgm:constr type="b" for="ch" forName="ThreeNodes_1_text" refType="b" refFor="ch" refForName="ThreeNodes_1"/>
          <dgm:constr type="r" for="ch" forName="ThreeNodes_1_text" refType="r" refFor="ch" refForName="ThreeNodes_1"/>
          <dgm:constr type="l" for="ch" forName="ThreeNodes_2_text" refType="r" refFor="ch" refForName="ThreeConn_1-2"/>
          <dgm:constr type="t" for="ch" forName="ThreeNodes_2_text" refType="t" refFor="ch" refForName="ThreeNodes_2"/>
          <dgm:constr type="b" for="ch" forName="ThreeNodes_2_text" refType="b" refFor="ch" refForName="ThreeNodes_2"/>
          <dgm:constr type="r" for="ch" forName="ThreeNodes_2_text" refType="r" refFor="ch" refForName="ThreeNodes_2"/>
          <dgm:constr type="l" for="ch" forName="ThreeNodes_3_text" refType="r" refFor="ch" refForName="ThreeConn_2-3"/>
          <dgm:constr type="t" for="ch" forName="ThreeNodes_3_text" refType="t" refFor="ch" refForName="ThreeNodes_3"/>
          <dgm:constr type="b" for="ch" forName="ThreeNodes_3_text" refType="b" refFor="ch" refForName="ThreeNodes_3"/>
          <dgm:constr type="r" for="ch" forName="ThreeNodes_3_text" refType="r" refFor="ch" refForName="ThreeNodes_3"/>
          <dgm:constr type="w" for="ch" forName="FourNodes_1" refType="w" fact="0.8"/>
          <dgm:constr type="h" for="ch" forName="FourNodes_1" refType="h" fact="0.22"/>
          <dgm:constr type="t" for="ch" forName="FourNodes_1"/>
          <dgm:constr type="r" for="ch" forName="FourNodes_1" refType="w"/>
          <dgm:constr type="w" for="ch" forName="FourNodes_2" refType="w" fact="0.8"/>
          <dgm:constr type="h" for="ch" forName="FourNodes_2" refType="h" fact="0.22"/>
          <dgm:constr type="ctrY" for="ch" forName="FourNodes_2" refType="h" fact="0.37"/>
          <dgm:constr type="ctrX" for="ch" forName="FourNodes_2" refType="w" fact="0.533"/>
          <dgm:constr type="w" for="ch" forName="FourNodes_3" refType="w" fact="0.8"/>
          <dgm:constr type="h" for="ch" forName="FourNodes_3" refType="h" fact="0.22"/>
          <dgm:constr type="ctrY" for="ch" forName="FourNodes_3" refType="h" fact="0.63"/>
          <dgm:constr type="ctrX" for="ch" forName="FourNodes_3" refType="w" fact="0.467"/>
          <dgm:constr type="w" for="ch" forName="FourNodes_4" refType="w" fact="0.8"/>
          <dgm:constr type="h" for="ch" forName="FourNodes_4" refType="h" fact="0.22"/>
          <dgm:constr type="b" for="ch" forName="FourNodes_4" refType="h"/>
          <dgm:constr type="l" for="ch" forName="FourNodes_4"/>
          <dgm:constr type="w" for="ch" forName="FourConn_1-2" refType="h" refFor="ch" refForName="FourNodes_1" fact="0.65"/>
          <dgm:constr type="h" for="ch" forName="FourConn_1-2" refType="h" refFor="ch" refForName="FourNodes_1" fact="0.65"/>
          <dgm:constr type="ctrY" for="ch" forName="FourConn_1-2" refType="h" fact="0.24"/>
          <dgm:constr type="l" for="ch" forName="FourConn_1-2" refType="l"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l" for="ch" forName="FourConn_2-3" refType="l"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l" for="ch" forName="FourConn_3-4" refType="l" refFor="ch" refForName="FourNodes_3"/>
          <dgm:constr type="l" for="ch" forName="FourNodes_1_text" refType="r" refFor="ch" refForName="FourConn_1-2"/>
          <dgm:constr type="lOff" for="ch" forName="FourNodes_1_text" refType="w" refFor="ch" refForName="FourConn_1-2" fact="0.69"/>
          <dgm:constr type="t" for="ch" forName="FourNodes_1_text" refType="t" refFor="ch" refForName="FourNodes_1"/>
          <dgm:constr type="b" for="ch" forName="FourNodes_1_text" refType="b" refFor="ch" refForName="FourNodes_1"/>
          <dgm:constr type="r" for="ch" forName="FourNodes_1_text" refType="r" refFor="ch" refForName="FourNodes_1"/>
          <dgm:constr type="l" for="ch" forName="FourNodes_2_text" refType="r" refFor="ch" refForName="FourConn_1-2"/>
          <dgm:constr type="t" for="ch" forName="FourNodes_2_text" refType="t" refFor="ch" refForName="FourNodes_2"/>
          <dgm:constr type="b" for="ch" forName="FourNodes_2_text" refType="b" refFor="ch" refForName="FourNodes_2"/>
          <dgm:constr type="r" for="ch" forName="FourNodes_2_text" refType="r" refFor="ch" refForName="FourNodes_2"/>
          <dgm:constr type="l" for="ch" forName="FourNodes_3_text" refType="r" refFor="ch" refForName="FourConn_2-3"/>
          <dgm:constr type="t" for="ch" forName="FourNodes_3_text" refType="t" refFor="ch" refForName="FourNodes_3"/>
          <dgm:constr type="b" for="ch" forName="FourNodes_3_text" refType="b" refFor="ch" refForName="FourNodes_3"/>
          <dgm:constr type="r" for="ch" forName="FourNodes_3_text" refType="r" refFor="ch" refForName="FourNodes_3"/>
          <dgm:constr type="l" for="ch" forName="FourNodes_4_text" refType="r" refFor="ch" refForName="FourConn_3-4"/>
          <dgm:constr type="t" for="ch" forName="FourNodes_4_text" refType="t" refFor="ch" refForName="FourNodes_4"/>
          <dgm:constr type="b" for="ch" forName="FourNodes_4_text" refType="b" refFor="ch" refForName="FourNodes_4"/>
          <dgm:constr type="r" for="ch" forName="FourNodes_4_text" refType="r" refFor="ch" refForName="FourNodes_4"/>
          <dgm:constr type="w" for="ch" forName="FiveNodes_1" refType="w" fact="0.77"/>
          <dgm:constr type="h" for="ch" forName="FiveNodes_1" refType="h" fact="0.18"/>
          <dgm:constr type="t" for="ch" forName="FiveNodes_1"/>
          <dgm:constr type="r" for="ch" forName="FiveNodes_1" refType="w"/>
          <dgm:constr type="w" for="ch" forName="FiveNodes_2" refType="w" fact="0.77"/>
          <dgm:constr type="h" for="ch" forName="FiveNodes_2" refType="h" fact="0.18"/>
          <dgm:constr type="ctrY" for="ch" forName="FiveNodes_2" refType="h" fact="0.295"/>
          <dgm:constr type="ctrX" for="ch" forName="FiveNodes_2" refType="w" fact="0.557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4425"/>
          <dgm:constr type="w" for="ch" forName="FiveNodes_5" refType="w" fact="0.77"/>
          <dgm:constr type="h" for="ch" forName="FiveNodes_5" refType="h" fact="0.18"/>
          <dgm:constr type="b" for="ch" forName="FiveNodes_5" refType="h"/>
          <dgm:constr type="l" for="ch" forName="FiveNodes_5"/>
          <dgm:constr type="w" for="ch" forName="FiveConn_1-2" refType="h" refFor="ch" refForName="FiveNodes_1" fact="0.65"/>
          <dgm:constr type="h" for="ch" forName="FiveConn_1-2" refType="h" refFor="ch" refForName="FiveNodes_1" fact="0.65"/>
          <dgm:constr type="ctrY" for="ch" forName="FiveConn_1-2" refType="h" fact="0.19"/>
          <dgm:constr type="l" for="ch" forName="FiveConn_1-2" refType="l"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l" for="ch" forName="FiveConn_2-3" refType="l"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l" for="ch" forName="FiveConn_3-4" refType="l"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l" for="ch" forName="FiveConn_4-5" refType="l" refFor="ch" refForName="FiveNodes_4"/>
          <dgm:constr type="l" for="ch" forName="FiveNodes_1_text" refType="r" refFor="ch" refForName="FiveConn_1-2"/>
          <dgm:constr type="lOff" for="ch" forName="FiveNodes_1_text" refType="w" refFor="ch" refForName="FiveConn_1-2" fact="0.73"/>
          <dgm:constr type="t" for="ch" forName="FiveNodes_1_text" refType="t" refFor="ch" refForName="FiveNodes_1"/>
          <dgm:constr type="b" for="ch" forName="FiveNodes_1_text" refType="b" refFor="ch" refForName="FiveNodes_1"/>
          <dgm:constr type="r" for="ch" forName="FiveNodes_1_text" refType="r" refFor="ch" refForName="FiveNodes_1"/>
          <dgm:constr type="l" for="ch" forName="FiveNodes_2_text" refType="r" refFor="ch" refForName="FiveConn_1-2"/>
          <dgm:constr type="t" for="ch" forName="FiveNodes_2_text" refType="t" refFor="ch" refForName="FiveNodes_2"/>
          <dgm:constr type="b" for="ch" forName="FiveNodes_2_text" refType="b" refFor="ch" refForName="FiveNodes_2"/>
          <dgm:constr type="r" for="ch" forName="FiveNodes_2_text" refType="r" refFor="ch" refForName="FiveNodes_2"/>
          <dgm:constr type="l" for="ch" forName="FiveNodes_3_text" refType="r" refFor="ch" refForName="FiveConn_2-3"/>
          <dgm:constr type="t" for="ch" forName="FiveNodes_3_text" refType="t" refFor="ch" refForName="FiveNodes_3"/>
          <dgm:constr type="b" for="ch" forName="FiveNodes_3_text" refType="b" refFor="ch" refForName="FiveNodes_3"/>
          <dgm:constr type="r" for="ch" forName="FiveNodes_3_text" refType="r" refFor="ch" refForName="FiveNodes_3"/>
          <dgm:constr type="l" for="ch" forName="FiveNodes_4_text" refType="r" refFor="ch" refForName="FiveConn_3-4"/>
          <dgm:constr type="t" for="ch" forName="FiveNodes_4_text" refType="t" refFor="ch" refForName="FiveNodes_4"/>
          <dgm:constr type="b" for="ch" forName="FiveNodes_4_text" refType="b" refFor="ch" refForName="FiveNodes_4"/>
          <dgm:constr type="r" for="ch" forName="FiveNodes_4_text" refType="r" refFor="ch" refForName="FiveNodes_4"/>
          <dgm:constr type="l" for="ch" forName="FiveNodes_5_text" refType="r" refFor="ch" refForName="FiveConn_4-5"/>
          <dgm:constr type="t" for="ch" forName="FiveNodes_5_text" refType="t" refFor="ch" refForName="FiveNodes_5"/>
          <dgm:constr type="b" for="ch" forName="FiveNodes_5_text" refType="b" refFor="ch" refForName="FiveNodes_5"/>
          <dgm:constr type="r" for="ch" forName="FiveNodes_5_text" refType="r" refFor="ch" refForName="FiveNodes_5"/>
        </dgm:constrLst>
      </dgm:else>
    </dgm:choose>
    <dgm:ruleLst/>
    <dgm:layoutNode name="dummyMaxCanvas">
      <dgm:varLst/>
      <dgm:alg type="sp"/>
      <dgm:shape xmlns:r="http://schemas.openxmlformats.org/officeDocument/2006/relationships" r:blip="">
        <dgm:adjLst/>
      </dgm:shape>
      <dgm:presOf/>
      <dgm:constrLst/>
      <dgm:ruleLst/>
    </dgm:layoutNode>
    <dgm:choose name="Name3">
      <dgm:if name="Name4" axis="ch" ptType="node" func="cnt" op="equ" val="1">
        <dgm:layoutNode name="OneNode_1">
          <dgm:varLst>
            <dgm:bulletEnabled val="1"/>
          </dgm:varLst>
          <dgm:alg type="tx"/>
          <dgm:shape xmlns:r="http://schemas.openxmlformats.org/officeDocument/2006/relationships" type="roundRect" r:blip="">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
        <dgm:choose name="Name6">
          <dgm:if name="Name7" axis="ch" ptType="node" func="cnt" op="equ" val="2">
            <dgm:layoutNode name="Two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wo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wo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wo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wo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
            <dgm:choose name="Name9">
              <dgm:if name="Name10" axis="ch" ptType="node" func="cnt" op="equ" val="3">
                <dgm:layoutNode name="Thre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hre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hre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Thre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1">
                <dgm:choose name="Name12">
                  <dgm:if name="Name13" axis="ch" ptType="node" func="cnt" op="equ" val="4">
                    <dgm:layoutNode name="Four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our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our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our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our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4">
                    <dgm:choose name="Name15">
                      <dgm:if name="Name16" axis="ch" ptType="node" func="cnt" op="gte" val="5">
                        <dgm:layoutNode name="Fiv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iv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iv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ive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iveNodes_5">
                          <dgm:varLst>
                            <dgm:bulletEnabled val="1"/>
                          </dgm:varLst>
                          <dgm:alg type="sp"/>
                          <dgm:shape xmlns:r="http://schemas.openxmlformats.org/officeDocument/2006/relationships" type="roundRect" r:blip="">
                            <dgm:adjLst>
                              <dgm:adj idx="1" val="0.1"/>
                            </dgm:adjLst>
                          </dgm:shape>
                          <dgm:presOf axis="ch desOrSelf" ptType="node node" st="5 1" cnt="1 0"/>
                          <dgm:constrLst/>
                          <dgm:ruleLst/>
                        </dgm:layoutNode>
                        <dgm:layoutNode name="Fiv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4-5" styleLbl="fgAccFollowNode1">
                          <dgm:varLst>
                            <dgm:bulletEnabled val="1"/>
                          </dgm:varLst>
                          <dgm:alg type="tx"/>
                          <dgm:shape xmlns:r="http://schemas.openxmlformats.org/officeDocument/2006/relationships" type="downArrow" r:blip="">
                            <dgm:adjLst>
                              <dgm:adj idx="1" val="0.55"/>
                              <dgm:adj idx="2" val="0.45"/>
                            </dgm:adjLst>
                          </dgm:shape>
                          <dgm:presOf axis="ch" ptType="sibTrans" st="4"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5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5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7"/>
                    </dgm:choose>
                  </dgm:else>
                </dgm:choose>
              </dgm:else>
            </dgm:choose>
          </dgm:else>
        </dgm:choose>
      </dgm:else>
    </dgm:choose>
  </dgm:layoutNode>
</dgm:layoutDef>
</file>

<file path=ppt/diagrams/layout12.xml><?xml version="1.0" encoding="utf-8"?>
<dgm:layoutDef xmlns:dgm="http://schemas.openxmlformats.org/drawingml/2006/diagram" xmlns:a="http://schemas.openxmlformats.org/drawingml/2006/main" uniqueId="urn:microsoft.com/office/officeart/2018/2/layout/IconCircleList">
  <dgm:title val="Icon Circle List"/>
  <dgm:desc val="Use to show non-sequential or grouped chunks of information accompanied by related visuals. Circular shapes can hold an icon or small picture and corresponding text box shows Level 1 text. Works best for icons or small pictures with medium-length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alg type="sp"/>
    <dgm:shape xmlns:r="http://schemas.openxmlformats.org/officeDocument/2006/relationships" r:blip="">
      <dgm:adjLst/>
    </dgm:shape>
    <dgm:presOf/>
    <dgm:choose name="Name0">
      <dgm:if name="Name1" axis="ch" ptType="node" func="cnt" op="lte" val="3">
        <dgm:constrLst>
          <dgm:constr type="w" for="ch" forName="container" refType="w"/>
          <dgm:constr type="h" for="ch" forName="container" refType="h" fact="0.4"/>
        </dgm:constrLst>
      </dgm:if>
      <dgm:else name="Name2">
        <dgm:constrLst>
          <dgm:constr type="w" for="ch" forName="container" refType="w"/>
          <dgm:constr type="h" for="ch" forName="container" refType="h"/>
        </dgm:constrLst>
      </dgm:else>
    </dgm:choose>
    <dgm:ruleLst>
      <dgm:rule type="h" for="ch" forName="container" val="INF" fact="NaN" max="NaN"/>
    </dgm:ruleLst>
    <dgm:layoutNode name="container">
      <dgm:varLst>
        <dgm:dir/>
        <dgm:resizeHandles val="exact"/>
      </dgm:varLst>
      <dgm:choose name="Name3">
        <dgm:if name="Name4" axis="self" func="var" arg="dir" op="equ" val="norm">
          <dgm:alg type="snake">
            <dgm:param type="grDir" val="tL"/>
            <dgm:param type="flowDir" val="row"/>
            <dgm:param type="contDir" val="sameDir"/>
          </dgm:alg>
        </dgm:if>
        <dgm:else name="Name5">
          <dgm:alg type="snake">
            <dgm:param type="grDir" val="tR"/>
            <dgm:param type="flowDir" val="row"/>
            <dgm:param type="contDir" val="sameDir"/>
          </dgm:alg>
        </dgm:else>
      </dgm:choose>
      <dgm:shape xmlns:r="http://schemas.openxmlformats.org/officeDocument/2006/relationships" r:blip="">
        <dgm:adjLst/>
      </dgm:shape>
      <dgm:presOf/>
      <dgm:constrLst>
        <dgm:constr type="w" for="ch" forName="compNode" refType="w"/>
        <dgm:constr type="h" for="ch" forName="compNode" refType="w" fact="0.28"/>
        <dgm:constr type="w" for="ch" forName="sibTrans" refType="w" refFor="ch" refForName="compNode" fact="0.115"/>
        <dgm:constr type="sp" refType="h" op="equ" fact="0.17"/>
        <dgm:constr type="primFontSz" for="des" ptType="node" op="equ" val="24"/>
        <dgm:constr type="h" for="des" forName="compNode" op="equ"/>
        <dgm:constr type="h" for="des" forName="iconBgRect" op="equ"/>
      </dgm:constrLst>
      <dgm:ruleLst>
        <dgm:rule type="w" for="ch" forName="compNode" val="60" fact="NaN" max="NaN"/>
      </dgm:ruleLst>
      <dgm:forEach name="Name6" axis="ch" ptType="node">
        <dgm:layoutNode name="compNode">
          <dgm:alg type="composite"/>
          <dgm:shape xmlns:r="http://schemas.openxmlformats.org/officeDocument/2006/relationships" r:blip="">
            <dgm:adjLst/>
          </dgm:shape>
          <dgm:presOf axis="self"/>
          <dgm:constrLst>
            <dgm:constr type="w" for="ch" forName="iconBgRect" refType="w" fact="0.28"/>
            <dgm:constr type="h" for="ch" forName="iconBgRect" refType="w" refFor="ch" refForName="iconBgRect"/>
            <dgm:constr type="t" for="ch" forName="iconBgRect"/>
            <dgm:constr type="l" for="ch" forName="iconBgRect"/>
            <dgm:constr type="w" for="ch" forName="iconRect" refType="w" refFor="ch" refForName="iconBgRect" fact="0.58"/>
            <dgm:constr type="h" for="ch" forName="iconRect" refType="w" refFor="ch" refForName="iconRect"/>
            <dgm:constr type="ctrX" for="ch" forName="iconRect" refType="ctrX" refFor="ch" refForName="iconBgRect"/>
            <dgm:constr type="ctrY" for="ch" forName="iconRect" refType="ctrY" refFor="ch" refForName="iconBgRect"/>
            <dgm:constr type="w" for="ch" forName="spaceRect" refType="w" fact="0.06"/>
            <dgm:constr type="h" for="ch" forName="spaceRect" refType="h" refFor="ch" refForName="iconBgRect"/>
            <dgm:constr type="t" for="ch" forName="spaceRect" refType="t" refFor="ch" refForName="iconBgRect"/>
            <dgm:constr type="l" for="ch" forName="spaceRect" refType="r" refFor="ch" refForName="iconBgRect"/>
            <dgm:constr type="h" for="ch" forName="textRect" refType="h" refFor="ch" refForName="iconBgRect"/>
            <dgm:constr type="t" for="ch" forName="textRect" refType="t" refFor="ch" refForName="iconBgRect"/>
            <dgm:constr type="l" for="ch" forName="textRect" refType="r" refFor="ch" refForName="spaceRect"/>
          </dgm:constrLst>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choose name="Name7">
              <dgm:if name="Name8" func="var" arg="dir" op="equ" val="norm">
                <dgm:alg type="tx">
                  <dgm:param type="txAnchorVert" val="mid"/>
                  <dgm:param type="parTxLTRAlign" val="l"/>
                  <dgm:param type="shpTxLTRAlignCh" val="l"/>
                  <dgm:param type="parTxRTLAlign" val="l"/>
                  <dgm:param type="shpTxRTLAlignCh" val="l"/>
                </dgm:alg>
              </dgm:if>
              <dgm:else name="Name9">
                <dgm:alg type="tx">
                  <dgm:param type="txAnchorVert" val="mid"/>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Lst>
          </dgm:layoutNode>
        </dgm:layoutNode>
        <dgm:forEach name="Name10"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extLst>
    <a:ext uri="{68A01E43-0DF5-4B5B-8FA6-DAF915123BFB}">
      <dgm1612:lstStyle xmlns:dgm1612="http://schemas.microsoft.com/office/drawing/2016/12/diagram">
        <a:lvl1pPr>
          <a:lnSpc>
            <a:spcPct val="100000"/>
          </a:lnSpc>
        </a:lvl1pPr>
      </dgm1612:lstStyle>
    </a:ext>
  </dgm:extLst>
</dgm:layoutDef>
</file>

<file path=ppt/diagrams/layout13.xml><?xml version="1.0" encoding="utf-8"?>
<dgm:layoutDef xmlns:dgm="http://schemas.openxmlformats.org/drawingml/2006/diagram" xmlns:a="http://schemas.openxmlformats.org/drawingml/2006/main" uniqueId="urn:microsoft.com/office/officeart/2005/8/layout/bList2">
  <dgm:title val=""/>
  <dgm:desc val=""/>
  <dgm:catLst>
    <dgm:cat type="list" pri="7000"/>
    <dgm:cat type="convert" pri="16000"/>
    <dgm:cat type="picture" pri="28000"/>
    <dgm:cat type="pictureconvert" pri="28000"/>
  </dgm:catLst>
  <dgm:sampData useDef="1">
    <dgm:dataModel>
      <dgm:pt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diagram">
    <dgm:varLst>
      <dgm:dir/>
      <dgm:animLvl val="lvl"/>
      <dgm:resizeHandles val="exact"/>
    </dgm:varLst>
    <dgm:choose name="Name0">
      <dgm:if name="Name1" axis="self"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compNode" refType="w"/>
      <dgm:constr type="w" for="ch" ptType="sibTrans" refType="w" refFor="ch" refForName="compNode" op="equ" fact="0.08"/>
      <dgm:constr type="sp" refType="w" refFor="ch" refForName="compNode" op="equ" fact="0.16"/>
      <dgm:constr type="primFontSz" for="des" forName="parentText" op="equ" val="65"/>
      <dgm:constr type="primFontSz" for="des" forName="childRect" op="equ" val="65"/>
    </dgm:constrLst>
    <dgm:ruleLst/>
    <dgm:forEach name="nodesForEach" axis="ch" ptType="node">
      <dgm:layoutNode name="compNode">
        <dgm:alg type="composite">
          <dgm:param type="ar" val="0.943"/>
        </dgm:alg>
        <dgm:shape xmlns:r="http://schemas.openxmlformats.org/officeDocument/2006/relationships" r:blip="">
          <dgm:adjLst/>
        </dgm:shape>
        <dgm:presOf/>
        <dgm:choose name="Name3">
          <dgm:if name="Name4" axis="self" func="var" arg="dir" op="equ" val="norm">
            <dgm:constrLst>
              <dgm:constr type="w" val="1"/>
              <dgm:constr type="h" refType="w" fact="1.06"/>
              <dgm:constr type="h" for="ch" forName="childRect" refType="h" fact="0.65"/>
              <dgm:constr type="w" for="ch" forName="childRect" refType="w" fact="0.923"/>
              <dgm:constr type="l" for="ch" forName="childRect"/>
              <dgm:constr type="t" for="ch" forName="childRect"/>
              <dgm:constr type="w" for="ch" forName="parentText" refType="w" fact="0.65"/>
              <dgm:constr type="h" for="ch" forName="parentText" refType="h" refFor="ch" refForName="childRect" fact="0.43"/>
              <dgm:constr type="l" for="ch" forName="parentText"/>
              <dgm:constr type="t" for="ch" forName="parentText" refType="h" refFor="ch" refForName="childRect"/>
              <dgm:constr type="w" for="ch" forName="parentRect" refType="w" fact="0.923"/>
              <dgm:constr type="h" for="ch" forName="parentRect" refType="h" refFor="ch" refForName="parentText"/>
              <dgm:constr type="l" for="ch" forName="parentRect"/>
              <dgm:constr type="t" for="ch" forName="parentRect" refType="t" refFor="ch" refForName="parentText"/>
              <dgm:constr type="w" for="ch" forName="adorn" refType="w" refFor="ch" refForName="parentRect" fact="0.35"/>
              <dgm:constr type="h" for="ch" forName="adorn" refType="w" refFor="ch" refForName="parentRect" fact="0.35"/>
              <dgm:constr type="b" for="ch" forName="adorn" refType="h"/>
              <dgm:constr type="r" for="ch" forName="adorn" refType="w"/>
            </dgm:constrLst>
          </dgm:if>
          <dgm:else name="Name5">
            <dgm:constrLst>
              <dgm:constr type="w" val="1"/>
              <dgm:constr type="h" refType="w" fact="1.06"/>
              <dgm:constr type="h" for="ch" forName="childRect" refType="h" fact="0.65"/>
              <dgm:constr type="w" for="ch" forName="childRect" refType="w" fact="0.923"/>
              <dgm:constr type="r" for="ch" forName="childRect" refType="w"/>
              <dgm:constr type="t" for="ch" forName="childRect"/>
              <dgm:constr type="w" for="ch" forName="parentText" refType="w" fact="0.65"/>
              <dgm:constr type="h" for="ch" forName="parentText" refType="h" refFor="ch" refForName="childRect" fact="0.43"/>
              <dgm:constr type="r" for="ch" forName="parentText" refType="w"/>
              <dgm:constr type="t" for="ch" forName="parentText" refType="h" refFor="ch" refForName="childRect"/>
              <dgm:constr type="w" for="ch" forName="parentRect" refType="w" fact="0.923"/>
              <dgm:constr type="h" for="ch" forName="parentRect" refType="h" refFor="ch" refForName="parentText"/>
              <dgm:constr type="r" for="ch" forName="parentRect" refType="w"/>
              <dgm:constr type="t" for="ch" forName="parentRect" refType="t" refFor="ch" refForName="parentText"/>
              <dgm:constr type="w" for="ch" forName="adorn" refType="w" refFor="ch" refForName="parentRect" fact="0.35"/>
              <dgm:constr type="h" for="ch" forName="adorn" refType="w" refFor="ch" refForName="parentRect" fact="0.35"/>
              <dgm:constr type="b" for="ch" forName="adorn" refType="h"/>
              <dgm:constr type="l" for="ch" forName="adorn"/>
            </dgm:constrLst>
          </dgm:else>
        </dgm:choose>
        <dgm:ruleLst/>
        <dgm:layoutNode name="childRect" styleLbl="bgAcc1">
          <dgm:varLst>
            <dgm:bulletEnabled val="1"/>
          </dgm:varLst>
          <dgm:alg type="tx">
            <dgm:param type="stBulletLvl" val="1"/>
          </dgm:alg>
          <dgm:shape xmlns:r="http://schemas.openxmlformats.org/officeDocument/2006/relationships" type="round2SameRect" r:blip="">
            <dgm:adjLst>
              <dgm:adj idx="1" val="0.08"/>
            </dgm:adjLst>
          </dgm:shape>
          <dgm:presOf axis="des" ptType="node"/>
          <dgm:constrLst>
            <dgm:constr type="secFontSz" refType="primFontSz"/>
            <dgm:constr type="tMarg" refType="primFontSz" fact="0.3"/>
            <dgm:constr type="bMarg" refType="primFontSz" fact="0.1"/>
            <dgm:constr type="lMarg" refType="primFontSz" fact="0.1"/>
            <dgm:constr type="rMarg" refType="primFontSz" fact="0.1"/>
          </dgm:constrLst>
          <dgm:ruleLst>
            <dgm:rule type="primFontSz" val="5" fact="NaN" max="NaN"/>
          </dgm:ruleLst>
        </dgm:layoutNode>
        <dgm:layoutNode name="parentText">
          <dgm:varLst>
            <dgm:chMax val="0"/>
            <dgm:bulletEnabled val="1"/>
          </dgm:varLst>
          <dgm:choose name="Name6">
            <dgm:if name="Name7" func="var" arg="dir" op="equ" val="norm">
              <dgm:alg type="tx">
                <dgm:param type="parTxLTRAlign" val="l"/>
                <dgm:param type="parTxRTLAlign" val="l"/>
              </dgm:alg>
            </dgm:if>
            <dgm:else name="Name8">
              <dgm:alg type="tx">
                <dgm:param type="parTxLTRAlign" val="r"/>
                <dgm:param type="parTxRTLAlign" val="r"/>
              </dgm:alg>
            </dgm:else>
          </dgm:choose>
          <dgm:shape xmlns:r="http://schemas.openxmlformats.org/officeDocument/2006/relationships" type="rect" r:blip="" zOrderOff="1" hideGeom="1">
            <dgm:adjLst/>
          </dgm:shape>
          <dgm:presOf axis="self" ptType="node"/>
          <dgm:constrLst>
            <dgm:constr type="tMarg"/>
            <dgm:constr type="bMarg"/>
            <dgm:constr type="lMarg" refType="primFontSz" fact="0.3"/>
            <dgm:constr type="rMarg" refType="primFontSz" fact="0.1"/>
          </dgm:constrLst>
          <dgm:ruleLst>
            <dgm:rule type="primFontSz" val="5" fact="NaN" max="NaN"/>
          </dgm:ruleLst>
        </dgm:layoutNode>
        <dgm:layoutNode name="parentRect" styleLbl="alignNode1">
          <dgm:alg type="sp"/>
          <dgm:shape xmlns:r="http://schemas.openxmlformats.org/officeDocument/2006/relationships" type="rect" r:blip="">
            <dgm:adjLst/>
          </dgm:shape>
          <dgm:presOf axis="self" ptType="node"/>
          <dgm:constrLst/>
          <dgm:ruleLst/>
        </dgm:layoutNode>
        <dgm:layoutNode name="adorn" styleLbl="fgAccFollowNode1">
          <dgm:alg type="sp"/>
          <dgm:shape xmlns:r="http://schemas.openxmlformats.org/officeDocument/2006/relationships" type="ellipse" r:blip="" blipPhldr="1">
            <dgm:adjLst/>
          </dgm:shape>
          <dgm:presOf/>
          <dgm:constrLst/>
          <dgm:ruleLst/>
        </dgm:layoutNode>
      </dgm:layoutNode>
      <dgm:forEach name="sibTransForEach" axis="followSib" ptType="sibTrans" cnt="1">
        <dgm:layoutNode name="sibTrans">
          <dgm:alg type="sp"/>
          <dgm:shape xmlns:r="http://schemas.openxmlformats.org/officeDocument/2006/relationships" type="rect" r:blip="" hideGeom="1">
            <dgm:adjLst/>
          </dgm:shape>
          <dgm:presOf axis="self"/>
          <dgm:constrLst>
            <dgm:constr type="w" val="1"/>
            <dgm:constr type="h" refType="w"/>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vProcess5">
  <dgm:title val=""/>
  <dgm:desc val=""/>
  <dgm:catLst>
    <dgm:cat type="process" pri="14000"/>
  </dgm:catLst>
  <dgm:sampData>
    <dgm:dataModel>
      <dgm:ptLst>
        <dgm:pt modelId="0" type="doc"/>
        <dgm:pt modelId="1">
          <dgm:prSet phldr="1"/>
        </dgm:pt>
        <dgm:pt modelId="2">
          <dgm:prSet phldr="1"/>
        </dgm:pt>
        <dgm:pt modelId="3">
          <dgm:prSet phldr="1"/>
        </dgm:pt>
      </dgm:ptLst>
      <dgm:cxnLst>
        <dgm:cxn modelId="5" srcId="0" destId="1" srcOrd="0" destOrd="0"/>
        <dgm:cxn modelId="6" srcId="0" destId="2" srcOrd="1" destOrd="0"/>
        <dgm:cxn modelId="7" srcId="0" destId="3" srcOrd="2"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6" srcId="0" destId="1" srcOrd="0" destOrd="0"/>
        <dgm:cxn modelId="7" srcId="0" destId="2" srcOrd="1" destOrd="0"/>
        <dgm:cxn modelId="8" srcId="0" destId="3" srcOrd="2" destOrd="0"/>
        <dgm:cxn modelId="9" srcId="0" destId="4" srcOrd="3" destOrd="0"/>
      </dgm:cxnLst>
      <dgm:bg/>
      <dgm:whole/>
    </dgm:dataModel>
  </dgm:clrData>
  <dgm:layoutNode name="outerComposite">
    <dgm:varLst>
      <dgm:chMax val="5"/>
      <dgm:dir/>
      <dgm:resizeHandles val="exact"/>
    </dgm:varLst>
    <dgm:alg type="composite"/>
    <dgm:shape xmlns:r="http://schemas.openxmlformats.org/officeDocument/2006/relationships" r:blip="">
      <dgm:adjLst/>
    </dgm:shape>
    <dgm:presOf/>
    <dgm:choose name="Name0">
      <dgm:if name="Name1" func="var" arg="dir" op="equ" val="norm">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l" for="ch" forName="TwoNodes_1"/>
          <dgm:constr type="w" for="ch" forName="TwoNodes_2" refType="w" fact="0.85"/>
          <dgm:constr type="h" for="ch" forName="TwoNodes_2" refType="h" fact="0.45"/>
          <dgm:constr type="b" for="ch" forName="TwoNodes_2" refType="h"/>
          <dgm:constr type="r" for="ch" forName="TwoNodes_2" refType="w"/>
          <dgm:constr type="w" for="ch" forName="TwoConn_1-2" refType="h" refFor="ch" refForName="TwoNodes_1" fact="0.65"/>
          <dgm:constr type="h" for="ch" forName="TwoConn_1-2" refType="h" refFor="ch" refForName="TwoNodes_1" fact="0.65"/>
          <dgm:constr type="ctrY" for="ch" forName="TwoConn_1-2" refType="h" fact="0.5"/>
          <dgm:constr type="r" for="ch" forName="TwoConn_1-2" refType="r" refFor="ch" refForName="TwoNodes_1"/>
          <dgm:constr type="r" for="ch" forName="TwoNodes_1_text" refType="l" refFor="ch" refForName="TwoConn_1-2"/>
          <dgm:constr type="rOff" for="ch" forName="TwoNodes_1_text" refType="w" refFor="ch" refForName="TwoConn_1-2" fact="-0.5"/>
          <dgm:constr type="t" for="ch" forName="TwoNodes_1_text" refType="t" refFor="ch" refForName="TwoNodes_1"/>
          <dgm:constr type="b" for="ch" forName="TwoNodes_1_text" refType="b" refFor="ch" refForName="TwoNodes_1"/>
          <dgm:constr type="l" for="ch" forName="TwoNodes_1_text" refType="l" refFor="ch" refForName="TwoNodes_1"/>
          <dgm:constr type="r" for="ch" forName="TwoNodes_2_text" refType="l" refFor="ch" refForName="TwoConn_1-2"/>
          <dgm:constr type="t" for="ch" forName="TwoNodes_2_text" refType="t" refFor="ch" refForName="TwoNodes_2"/>
          <dgm:constr type="b" for="ch" forName="TwoNodes_2_text" refType="b" refFor="ch" refForName="TwoNodes_2"/>
          <dgm:constr type="l" for="ch" forName="TwoNodes_2_text" refType="l" refFor="ch" refForName="TwoNodes_2"/>
          <dgm:constr type="w" for="ch" forName="ThreeNodes_1" refType="w" fact="0.85"/>
          <dgm:constr type="h" for="ch" forName="ThreeNodes_1" refType="h" fact="0.3"/>
          <dgm:constr type="t" for="ch" forName="ThreeNodes_1"/>
          <dgm:constr type="l" for="ch" forName="ThreeNodes_1"/>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r" for="ch" forName="ThreeNodes_3" refType="w"/>
          <dgm:constr type="w" for="ch" forName="ThreeConn_1-2" refType="h" refFor="ch" refForName="ThreeNodes_1" fact="0.65"/>
          <dgm:constr type="h" for="ch" forName="ThreeConn_1-2" refType="h" refFor="ch" refForName="ThreeNodes_1" fact="0.65"/>
          <dgm:constr type="ctrY" for="ch" forName="ThreeConn_1-2" refType="h" fact="0.325"/>
          <dgm:constr type="r" for="ch" forName="ThreeConn_1-2" refType="r"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r" for="ch" forName="ThreeConn_2-3" refType="r" refFor="ch" refForName="ThreeNodes_2"/>
          <dgm:constr type="r" for="ch" forName="ThreeNodes_1_text" refType="l" refFor="ch" refForName="ThreeConn_1-2"/>
          <dgm:constr type="rOff" for="ch" forName="ThreeNodes_1_text" refType="w" refFor="ch" refForName="ThreeConn_1-2" fact="-0.57"/>
          <dgm:constr type="t" for="ch" forName="ThreeNodes_1_text" refType="t" refFor="ch" refForName="ThreeNodes_1"/>
          <dgm:constr type="b" for="ch" forName="ThreeNodes_1_text" refType="b" refFor="ch" refForName="ThreeNodes_1"/>
          <dgm:constr type="l" for="ch" forName="ThreeNodes_1_text" refType="l" refFor="ch" refForName="ThreeNodes_1"/>
          <dgm:constr type="r" for="ch" forName="ThreeNodes_2_text" refType="l" refFor="ch" refForName="ThreeConn_1-2"/>
          <dgm:constr type="t" for="ch" forName="ThreeNodes_2_text" refType="t" refFor="ch" refForName="ThreeNodes_2"/>
          <dgm:constr type="b" for="ch" forName="ThreeNodes_2_text" refType="b" refFor="ch" refForName="ThreeNodes_2"/>
          <dgm:constr type="l" for="ch" forName="ThreeNodes_2_text" refType="l" refFor="ch" refForName="ThreeNodes_2"/>
          <dgm:constr type="r" for="ch" forName="ThreeNodes_3_text" refType="l" refFor="ch" refForName="ThreeConn_2-3"/>
          <dgm:constr type="t" for="ch" forName="ThreeNodes_3_text" refType="t" refFor="ch" refForName="ThreeNodes_3"/>
          <dgm:constr type="b" for="ch" forName="ThreeNodes_3_text" refType="b" refFor="ch" refForName="ThreeNodes_3"/>
          <dgm:constr type="l" for="ch" forName="ThreeNodes_3_text" refType="l" refFor="ch" refForName="ThreeNodes_3"/>
          <dgm:constr type="w" for="ch" forName="FourNodes_1" refType="w" fact="0.8"/>
          <dgm:constr type="h" for="ch" forName="FourNodes_1" refType="h" fact="0.22"/>
          <dgm:constr type="t" for="ch" forName="FourNodes_1"/>
          <dgm:constr type="l" for="ch" forName="FourNodes_1"/>
          <dgm:constr type="w" for="ch" forName="FourNodes_2" refType="w" fact="0.8"/>
          <dgm:constr type="h" for="ch" forName="FourNodes_2" refType="h" fact="0.22"/>
          <dgm:constr type="ctrY" for="ch" forName="FourNodes_2" refType="h" fact="0.37"/>
          <dgm:constr type="ctrX" for="ch" forName="FourNodes_2" refType="w" fact="0.467"/>
          <dgm:constr type="w" for="ch" forName="FourNodes_3" refType="w" fact="0.8"/>
          <dgm:constr type="h" for="ch" forName="FourNodes_3" refType="h" fact="0.22"/>
          <dgm:constr type="ctrY" for="ch" forName="FourNodes_3" refType="h" fact="0.63"/>
          <dgm:constr type="ctrX" for="ch" forName="FourNodes_3" refType="w" fact="0.533"/>
          <dgm:constr type="w" for="ch" forName="FourNodes_4" refType="w" fact="0.8"/>
          <dgm:constr type="h" for="ch" forName="FourNodes_4" refType="h" fact="0.22"/>
          <dgm:constr type="b" for="ch" forName="FourNodes_4" refType="h"/>
          <dgm:constr type="r" for="ch" forName="FourNodes_4" refType="w"/>
          <dgm:constr type="w" for="ch" forName="FourConn_1-2" refType="h" refFor="ch" refForName="FourNodes_1" fact="0.65"/>
          <dgm:constr type="h" for="ch" forName="FourConn_1-2" refType="h" refFor="ch" refForName="FourNodes_1" fact="0.65"/>
          <dgm:constr type="ctrY" for="ch" forName="FourConn_1-2" refType="h" fact="0.24"/>
          <dgm:constr type="r" for="ch" forName="FourConn_1-2" refType="r"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r" for="ch" forName="FourConn_2-3" refType="r"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r" for="ch" forName="FourConn_3-4" refType="r" refFor="ch" refForName="FourNodes_3"/>
          <dgm:constr type="r" for="ch" forName="FourNodes_1_text" refType="l" refFor="ch" refForName="FourConn_1-2"/>
          <dgm:constr type="rOff" for="ch" forName="FourNodes_1_text" refType="w" refFor="ch" refForName="FourConn_1-2" fact="-0.7"/>
          <dgm:constr type="t" for="ch" forName="FourNodes_1_text" refType="t" refFor="ch" refForName="FourNodes_1"/>
          <dgm:constr type="b" for="ch" forName="FourNodes_1_text" refType="b" refFor="ch" refForName="FourNodes_1"/>
          <dgm:constr type="l" for="ch" forName="FourNodes_1_text" refType="l" refFor="ch" refForName="FourNodes_1"/>
          <dgm:constr type="r" for="ch" forName="FourNodes_2_text" refType="l" refFor="ch" refForName="FourConn_1-2"/>
          <dgm:constr type="t" for="ch" forName="FourNodes_2_text" refType="t" refFor="ch" refForName="FourNodes_2"/>
          <dgm:constr type="b" for="ch" forName="FourNodes_2_text" refType="b" refFor="ch" refForName="FourNodes_2"/>
          <dgm:constr type="l" for="ch" forName="FourNodes_2_text" refType="l" refFor="ch" refForName="FourNodes_2"/>
          <dgm:constr type="r" for="ch" forName="FourNodes_3_text" refType="l" refFor="ch" refForName="FourConn_2-3"/>
          <dgm:constr type="t" for="ch" forName="FourNodes_3_text" refType="t" refFor="ch" refForName="FourNodes_3"/>
          <dgm:constr type="b" for="ch" forName="FourNodes_3_text" refType="b" refFor="ch" refForName="FourNodes_3"/>
          <dgm:constr type="l" for="ch" forName="FourNodes_3_text" refType="l" refFor="ch" refForName="FourNodes_3"/>
          <dgm:constr type="r" for="ch" forName="FourNodes_4_text" refType="l" refFor="ch" refForName="FourConn_3-4"/>
          <dgm:constr type="t" for="ch" forName="FourNodes_4_text" refType="t" refFor="ch" refForName="FourNodes_4"/>
          <dgm:constr type="b" for="ch" forName="FourNodes_4_text" refType="b" refFor="ch" refForName="FourNodes_4"/>
          <dgm:constr type="l" for="ch" forName="FourNodes_4_text" refType="l" refFor="ch" refForName="FourNodes_4"/>
          <dgm:constr type="w" for="ch" forName="FiveNodes_1" refType="w" fact="0.77"/>
          <dgm:constr type="h" for="ch" forName="FiveNodes_1" refType="h" fact="0.18"/>
          <dgm:constr type="t" for="ch" forName="FiveNodes_1"/>
          <dgm:constr type="l" for="ch" forName="FiveNodes_1"/>
          <dgm:constr type="w" for="ch" forName="FiveNodes_2" refType="w" fact="0.77"/>
          <dgm:constr type="h" for="ch" forName="FiveNodes_2" refType="h" fact="0.18"/>
          <dgm:constr type="ctrY" for="ch" forName="FiveNodes_2" refType="h" fact="0.295"/>
          <dgm:constr type="ctrX" for="ch" forName="FiveNodes_2" refType="w" fact="0.442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5575"/>
          <dgm:constr type="w" for="ch" forName="FiveNodes_5" refType="w" fact="0.77"/>
          <dgm:constr type="h" for="ch" forName="FiveNodes_5" refType="h" fact="0.18"/>
          <dgm:constr type="b" for="ch" forName="FiveNodes_5" refType="h"/>
          <dgm:constr type="r" for="ch" forName="FiveNodes_5" refType="w"/>
          <dgm:constr type="w" for="ch" forName="FiveConn_1-2" refType="h" refFor="ch" refForName="FiveNodes_1" fact="0.65"/>
          <dgm:constr type="h" for="ch" forName="FiveConn_1-2" refType="h" refFor="ch" refForName="FiveNodes_1" fact="0.65"/>
          <dgm:constr type="ctrY" for="ch" forName="FiveConn_1-2" refType="h" fact="0.19"/>
          <dgm:constr type="r" for="ch" forName="FiveConn_1-2" refType="r"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r" for="ch" forName="FiveConn_2-3" refType="r"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r" for="ch" forName="FiveConn_3-4" refType="r"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r" for="ch" forName="FiveConn_4-5" refType="r" refFor="ch" refForName="FiveNodes_4"/>
          <dgm:constr type="r" for="ch" forName="FiveNodes_1_text" refType="l" refFor="ch" refForName="FiveConn_1-2"/>
          <dgm:constr type="rOff" for="ch" forName="FiveNodes_1_text" refType="w" refFor="ch" refForName="FiveConn_1-2" fact="-0.75"/>
          <dgm:constr type="t" for="ch" forName="FiveNodes_1_text" refType="t" refFor="ch" refForName="FiveNodes_1"/>
          <dgm:constr type="b" for="ch" forName="FiveNodes_1_text" refType="b" refFor="ch" refForName="FiveNodes_1"/>
          <dgm:constr type="l" for="ch" forName="FiveNodes_1_text" refType="l" refFor="ch" refForName="FiveNodes_1"/>
          <dgm:constr type="r" for="ch" forName="FiveNodes_2_text" refType="l" refFor="ch" refForName="FiveConn_1-2"/>
          <dgm:constr type="t" for="ch" forName="FiveNodes_2_text" refType="t" refFor="ch" refForName="FiveNodes_2"/>
          <dgm:constr type="b" for="ch" forName="FiveNodes_2_text" refType="b" refFor="ch" refForName="FiveNodes_2"/>
          <dgm:constr type="l" for="ch" forName="FiveNodes_2_text" refType="l" refFor="ch" refForName="FiveNodes_2"/>
          <dgm:constr type="r" for="ch" forName="FiveNodes_3_text" refType="l" refFor="ch" refForName="FiveConn_2-3"/>
          <dgm:constr type="t" for="ch" forName="FiveNodes_3_text" refType="t" refFor="ch" refForName="FiveNodes_3"/>
          <dgm:constr type="b" for="ch" forName="FiveNodes_3_text" refType="b" refFor="ch" refForName="FiveNodes_3"/>
          <dgm:constr type="l" for="ch" forName="FiveNodes_3_text" refType="l" refFor="ch" refForName="FiveNodes_3"/>
          <dgm:constr type="r" for="ch" forName="FiveNodes_4_text" refType="l" refFor="ch" refForName="FiveConn_3-4"/>
          <dgm:constr type="t" for="ch" forName="FiveNodes_4_text" refType="t" refFor="ch" refForName="FiveNodes_4"/>
          <dgm:constr type="b" for="ch" forName="FiveNodes_4_text" refType="b" refFor="ch" refForName="FiveNodes_4"/>
          <dgm:constr type="l" for="ch" forName="FiveNodes_4_text" refType="l" refFor="ch" refForName="FiveNodes_4"/>
          <dgm:constr type="r" for="ch" forName="FiveNodes_5_text" refType="l" refFor="ch" refForName="FiveConn_4-5"/>
          <dgm:constr type="t" for="ch" forName="FiveNodes_5_text" refType="t" refFor="ch" refForName="FiveNodes_5"/>
          <dgm:constr type="b" for="ch" forName="FiveNodes_5_text" refType="b" refFor="ch" refForName="FiveNodes_5"/>
          <dgm:constr type="l" for="ch" forName="FiveNodes_5_text" refType="l" refFor="ch" refForName="FiveNodes_5"/>
        </dgm:constrLst>
      </dgm:if>
      <dgm:else name="Name2">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r" for="ch" forName="TwoNodes_1" refType="w"/>
          <dgm:constr type="w" for="ch" forName="TwoNodes_2" refType="w" fact="0.85"/>
          <dgm:constr type="h" for="ch" forName="TwoNodes_2" refType="h" fact="0.45"/>
          <dgm:constr type="b" for="ch" forName="TwoNodes_2" refType="h"/>
          <dgm:constr type="l" for="ch" forName="TwoNodes_2"/>
          <dgm:constr type="w" for="ch" forName="TwoConn_1-2" refType="h" refFor="ch" refForName="TwoNodes_1" fact="0.65"/>
          <dgm:constr type="h" for="ch" forName="TwoConn_1-2" refType="h" refFor="ch" refForName="TwoNodes_1" fact="0.65"/>
          <dgm:constr type="ctrY" for="ch" forName="TwoConn_1-2" refType="h" fact="0.5"/>
          <dgm:constr type="l" for="ch" forName="TwoConn_1-2" refType="l" refFor="ch" refForName="TwoNodes_1"/>
          <dgm:constr type="l" for="ch" forName="TwoNodes_1_text" refType="r" refFor="ch" refForName="TwoConn_1-2"/>
          <dgm:constr type="lOff" for="ch" forName="TwoNodes_1_text" refType="w" refFor="ch" refForName="TwoConn_1-2" fact="0.5"/>
          <dgm:constr type="t" for="ch" forName="TwoNodes_1_text" refType="t" refFor="ch" refForName="TwoNodes_1"/>
          <dgm:constr type="b" for="ch" forName="TwoNodes_1_text" refType="b" refFor="ch" refForName="TwoNodes_1"/>
          <dgm:constr type="r" for="ch" forName="TwoNodes_1_text" refType="r" refFor="ch" refForName="TwoNodes_1"/>
          <dgm:constr type="l" for="ch" forName="TwoNodes_2_text" refType="r" refFor="ch" refForName="TwoConn_1-2"/>
          <dgm:constr type="t" for="ch" forName="TwoNodes_2_text" refType="t" refFor="ch" refForName="TwoNodes_2"/>
          <dgm:constr type="b" for="ch" forName="TwoNodes_2_text" refType="b" refFor="ch" refForName="TwoNodes_2"/>
          <dgm:constr type="r" for="ch" forName="TwoNodes_2_text" refType="r" refFor="ch" refForName="TwoNodes_2"/>
          <dgm:constr type="w" for="ch" forName="ThreeNodes_1" refType="w" fact="0.85"/>
          <dgm:constr type="h" for="ch" forName="ThreeNodes_1" refType="h" fact="0.3"/>
          <dgm:constr type="t" for="ch" forName="ThreeNodes_1"/>
          <dgm:constr type="r" for="ch" forName="ThreeNodes_1" refType="w"/>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l" for="ch" forName="ThreeNodes_3"/>
          <dgm:constr type="w" for="ch" forName="ThreeConn_1-2" refType="h" refFor="ch" refForName="ThreeNodes_1" fact="0.65"/>
          <dgm:constr type="h" for="ch" forName="ThreeConn_1-2" refType="h" refFor="ch" refForName="ThreeNodes_1" fact="0.65"/>
          <dgm:constr type="ctrY" for="ch" forName="ThreeConn_1-2" refType="h" fact="0.325"/>
          <dgm:constr type="l" for="ch" forName="ThreeConn_1-2" refType="l"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l" for="ch" forName="ThreeConn_2-3" refType="l" refFor="ch" refForName="ThreeNodes_2"/>
          <dgm:constr type="l" for="ch" forName="ThreeNodes_1_text" refType="r" refFor="ch" refForName="ThreeConn_1-2"/>
          <dgm:constr type="lOff" for="ch" forName="ThreeNodes_1_text" refType="w" refFor="ch" refForName="ThreeConn_1-2" fact="0.55"/>
          <dgm:constr type="t" for="ch" forName="ThreeNodes_1_text" refType="t" refFor="ch" refForName="ThreeNodes_1"/>
          <dgm:constr type="b" for="ch" forName="ThreeNodes_1_text" refType="b" refFor="ch" refForName="ThreeNodes_1"/>
          <dgm:constr type="r" for="ch" forName="ThreeNodes_1_text" refType="r" refFor="ch" refForName="ThreeNodes_1"/>
          <dgm:constr type="l" for="ch" forName="ThreeNodes_2_text" refType="r" refFor="ch" refForName="ThreeConn_1-2"/>
          <dgm:constr type="t" for="ch" forName="ThreeNodes_2_text" refType="t" refFor="ch" refForName="ThreeNodes_2"/>
          <dgm:constr type="b" for="ch" forName="ThreeNodes_2_text" refType="b" refFor="ch" refForName="ThreeNodes_2"/>
          <dgm:constr type="r" for="ch" forName="ThreeNodes_2_text" refType="r" refFor="ch" refForName="ThreeNodes_2"/>
          <dgm:constr type="l" for="ch" forName="ThreeNodes_3_text" refType="r" refFor="ch" refForName="ThreeConn_2-3"/>
          <dgm:constr type="t" for="ch" forName="ThreeNodes_3_text" refType="t" refFor="ch" refForName="ThreeNodes_3"/>
          <dgm:constr type="b" for="ch" forName="ThreeNodes_3_text" refType="b" refFor="ch" refForName="ThreeNodes_3"/>
          <dgm:constr type="r" for="ch" forName="ThreeNodes_3_text" refType="r" refFor="ch" refForName="ThreeNodes_3"/>
          <dgm:constr type="w" for="ch" forName="FourNodes_1" refType="w" fact="0.8"/>
          <dgm:constr type="h" for="ch" forName="FourNodes_1" refType="h" fact="0.22"/>
          <dgm:constr type="t" for="ch" forName="FourNodes_1"/>
          <dgm:constr type="r" for="ch" forName="FourNodes_1" refType="w"/>
          <dgm:constr type="w" for="ch" forName="FourNodes_2" refType="w" fact="0.8"/>
          <dgm:constr type="h" for="ch" forName="FourNodes_2" refType="h" fact="0.22"/>
          <dgm:constr type="ctrY" for="ch" forName="FourNodes_2" refType="h" fact="0.37"/>
          <dgm:constr type="ctrX" for="ch" forName="FourNodes_2" refType="w" fact="0.533"/>
          <dgm:constr type="w" for="ch" forName="FourNodes_3" refType="w" fact="0.8"/>
          <dgm:constr type="h" for="ch" forName="FourNodes_3" refType="h" fact="0.22"/>
          <dgm:constr type="ctrY" for="ch" forName="FourNodes_3" refType="h" fact="0.63"/>
          <dgm:constr type="ctrX" for="ch" forName="FourNodes_3" refType="w" fact="0.467"/>
          <dgm:constr type="w" for="ch" forName="FourNodes_4" refType="w" fact="0.8"/>
          <dgm:constr type="h" for="ch" forName="FourNodes_4" refType="h" fact="0.22"/>
          <dgm:constr type="b" for="ch" forName="FourNodes_4" refType="h"/>
          <dgm:constr type="l" for="ch" forName="FourNodes_4"/>
          <dgm:constr type="w" for="ch" forName="FourConn_1-2" refType="h" refFor="ch" refForName="FourNodes_1" fact="0.65"/>
          <dgm:constr type="h" for="ch" forName="FourConn_1-2" refType="h" refFor="ch" refForName="FourNodes_1" fact="0.65"/>
          <dgm:constr type="ctrY" for="ch" forName="FourConn_1-2" refType="h" fact="0.24"/>
          <dgm:constr type="l" for="ch" forName="FourConn_1-2" refType="l"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l" for="ch" forName="FourConn_2-3" refType="l"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l" for="ch" forName="FourConn_3-4" refType="l" refFor="ch" refForName="FourNodes_3"/>
          <dgm:constr type="l" for="ch" forName="FourNodes_1_text" refType="r" refFor="ch" refForName="FourConn_1-2"/>
          <dgm:constr type="lOff" for="ch" forName="FourNodes_1_text" refType="w" refFor="ch" refForName="FourConn_1-2" fact="0.69"/>
          <dgm:constr type="t" for="ch" forName="FourNodes_1_text" refType="t" refFor="ch" refForName="FourNodes_1"/>
          <dgm:constr type="b" for="ch" forName="FourNodes_1_text" refType="b" refFor="ch" refForName="FourNodes_1"/>
          <dgm:constr type="r" for="ch" forName="FourNodes_1_text" refType="r" refFor="ch" refForName="FourNodes_1"/>
          <dgm:constr type="l" for="ch" forName="FourNodes_2_text" refType="r" refFor="ch" refForName="FourConn_1-2"/>
          <dgm:constr type="t" for="ch" forName="FourNodes_2_text" refType="t" refFor="ch" refForName="FourNodes_2"/>
          <dgm:constr type="b" for="ch" forName="FourNodes_2_text" refType="b" refFor="ch" refForName="FourNodes_2"/>
          <dgm:constr type="r" for="ch" forName="FourNodes_2_text" refType="r" refFor="ch" refForName="FourNodes_2"/>
          <dgm:constr type="l" for="ch" forName="FourNodes_3_text" refType="r" refFor="ch" refForName="FourConn_2-3"/>
          <dgm:constr type="t" for="ch" forName="FourNodes_3_text" refType="t" refFor="ch" refForName="FourNodes_3"/>
          <dgm:constr type="b" for="ch" forName="FourNodes_3_text" refType="b" refFor="ch" refForName="FourNodes_3"/>
          <dgm:constr type="r" for="ch" forName="FourNodes_3_text" refType="r" refFor="ch" refForName="FourNodes_3"/>
          <dgm:constr type="l" for="ch" forName="FourNodes_4_text" refType="r" refFor="ch" refForName="FourConn_3-4"/>
          <dgm:constr type="t" for="ch" forName="FourNodes_4_text" refType="t" refFor="ch" refForName="FourNodes_4"/>
          <dgm:constr type="b" for="ch" forName="FourNodes_4_text" refType="b" refFor="ch" refForName="FourNodes_4"/>
          <dgm:constr type="r" for="ch" forName="FourNodes_4_text" refType="r" refFor="ch" refForName="FourNodes_4"/>
          <dgm:constr type="w" for="ch" forName="FiveNodes_1" refType="w" fact="0.77"/>
          <dgm:constr type="h" for="ch" forName="FiveNodes_1" refType="h" fact="0.18"/>
          <dgm:constr type="t" for="ch" forName="FiveNodes_1"/>
          <dgm:constr type="r" for="ch" forName="FiveNodes_1" refType="w"/>
          <dgm:constr type="w" for="ch" forName="FiveNodes_2" refType="w" fact="0.77"/>
          <dgm:constr type="h" for="ch" forName="FiveNodes_2" refType="h" fact="0.18"/>
          <dgm:constr type="ctrY" for="ch" forName="FiveNodes_2" refType="h" fact="0.295"/>
          <dgm:constr type="ctrX" for="ch" forName="FiveNodes_2" refType="w" fact="0.557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4425"/>
          <dgm:constr type="w" for="ch" forName="FiveNodes_5" refType="w" fact="0.77"/>
          <dgm:constr type="h" for="ch" forName="FiveNodes_5" refType="h" fact="0.18"/>
          <dgm:constr type="b" for="ch" forName="FiveNodes_5" refType="h"/>
          <dgm:constr type="l" for="ch" forName="FiveNodes_5"/>
          <dgm:constr type="w" for="ch" forName="FiveConn_1-2" refType="h" refFor="ch" refForName="FiveNodes_1" fact="0.65"/>
          <dgm:constr type="h" for="ch" forName="FiveConn_1-2" refType="h" refFor="ch" refForName="FiveNodes_1" fact="0.65"/>
          <dgm:constr type="ctrY" for="ch" forName="FiveConn_1-2" refType="h" fact="0.19"/>
          <dgm:constr type="l" for="ch" forName="FiveConn_1-2" refType="l"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l" for="ch" forName="FiveConn_2-3" refType="l"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l" for="ch" forName="FiveConn_3-4" refType="l"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l" for="ch" forName="FiveConn_4-5" refType="l" refFor="ch" refForName="FiveNodes_4"/>
          <dgm:constr type="l" for="ch" forName="FiveNodes_1_text" refType="r" refFor="ch" refForName="FiveConn_1-2"/>
          <dgm:constr type="lOff" for="ch" forName="FiveNodes_1_text" refType="w" refFor="ch" refForName="FiveConn_1-2" fact="0.73"/>
          <dgm:constr type="t" for="ch" forName="FiveNodes_1_text" refType="t" refFor="ch" refForName="FiveNodes_1"/>
          <dgm:constr type="b" for="ch" forName="FiveNodes_1_text" refType="b" refFor="ch" refForName="FiveNodes_1"/>
          <dgm:constr type="r" for="ch" forName="FiveNodes_1_text" refType="r" refFor="ch" refForName="FiveNodes_1"/>
          <dgm:constr type="l" for="ch" forName="FiveNodes_2_text" refType="r" refFor="ch" refForName="FiveConn_1-2"/>
          <dgm:constr type="t" for="ch" forName="FiveNodes_2_text" refType="t" refFor="ch" refForName="FiveNodes_2"/>
          <dgm:constr type="b" for="ch" forName="FiveNodes_2_text" refType="b" refFor="ch" refForName="FiveNodes_2"/>
          <dgm:constr type="r" for="ch" forName="FiveNodes_2_text" refType="r" refFor="ch" refForName="FiveNodes_2"/>
          <dgm:constr type="l" for="ch" forName="FiveNodes_3_text" refType="r" refFor="ch" refForName="FiveConn_2-3"/>
          <dgm:constr type="t" for="ch" forName="FiveNodes_3_text" refType="t" refFor="ch" refForName="FiveNodes_3"/>
          <dgm:constr type="b" for="ch" forName="FiveNodes_3_text" refType="b" refFor="ch" refForName="FiveNodes_3"/>
          <dgm:constr type="r" for="ch" forName="FiveNodes_3_text" refType="r" refFor="ch" refForName="FiveNodes_3"/>
          <dgm:constr type="l" for="ch" forName="FiveNodes_4_text" refType="r" refFor="ch" refForName="FiveConn_3-4"/>
          <dgm:constr type="t" for="ch" forName="FiveNodes_4_text" refType="t" refFor="ch" refForName="FiveNodes_4"/>
          <dgm:constr type="b" for="ch" forName="FiveNodes_4_text" refType="b" refFor="ch" refForName="FiveNodes_4"/>
          <dgm:constr type="r" for="ch" forName="FiveNodes_4_text" refType="r" refFor="ch" refForName="FiveNodes_4"/>
          <dgm:constr type="l" for="ch" forName="FiveNodes_5_text" refType="r" refFor="ch" refForName="FiveConn_4-5"/>
          <dgm:constr type="t" for="ch" forName="FiveNodes_5_text" refType="t" refFor="ch" refForName="FiveNodes_5"/>
          <dgm:constr type="b" for="ch" forName="FiveNodes_5_text" refType="b" refFor="ch" refForName="FiveNodes_5"/>
          <dgm:constr type="r" for="ch" forName="FiveNodes_5_text" refType="r" refFor="ch" refForName="FiveNodes_5"/>
        </dgm:constrLst>
      </dgm:else>
    </dgm:choose>
    <dgm:ruleLst/>
    <dgm:layoutNode name="dummyMaxCanvas">
      <dgm:varLst/>
      <dgm:alg type="sp"/>
      <dgm:shape xmlns:r="http://schemas.openxmlformats.org/officeDocument/2006/relationships" r:blip="">
        <dgm:adjLst/>
      </dgm:shape>
      <dgm:presOf/>
      <dgm:constrLst/>
      <dgm:ruleLst/>
    </dgm:layoutNode>
    <dgm:choose name="Name3">
      <dgm:if name="Name4" axis="ch" ptType="node" func="cnt" op="equ" val="1">
        <dgm:layoutNode name="OneNode_1">
          <dgm:varLst>
            <dgm:bulletEnabled val="1"/>
          </dgm:varLst>
          <dgm:alg type="tx"/>
          <dgm:shape xmlns:r="http://schemas.openxmlformats.org/officeDocument/2006/relationships" type="roundRect" r:blip="">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
        <dgm:choose name="Name6">
          <dgm:if name="Name7" axis="ch" ptType="node" func="cnt" op="equ" val="2">
            <dgm:layoutNode name="Two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wo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wo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wo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wo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
            <dgm:choose name="Name9">
              <dgm:if name="Name10" axis="ch" ptType="node" func="cnt" op="equ" val="3">
                <dgm:layoutNode name="Thre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hre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hre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Thre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1">
                <dgm:choose name="Name12">
                  <dgm:if name="Name13" axis="ch" ptType="node" func="cnt" op="equ" val="4">
                    <dgm:layoutNode name="Four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our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our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our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our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4">
                    <dgm:choose name="Name15">
                      <dgm:if name="Name16" axis="ch" ptType="node" func="cnt" op="gte" val="5">
                        <dgm:layoutNode name="Fiv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iv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iv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ive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iveNodes_5">
                          <dgm:varLst>
                            <dgm:bulletEnabled val="1"/>
                          </dgm:varLst>
                          <dgm:alg type="sp"/>
                          <dgm:shape xmlns:r="http://schemas.openxmlformats.org/officeDocument/2006/relationships" type="roundRect" r:blip="">
                            <dgm:adjLst>
                              <dgm:adj idx="1" val="0.1"/>
                            </dgm:adjLst>
                          </dgm:shape>
                          <dgm:presOf axis="ch desOrSelf" ptType="node node" st="5 1" cnt="1 0"/>
                          <dgm:constrLst/>
                          <dgm:ruleLst/>
                        </dgm:layoutNode>
                        <dgm:layoutNode name="Fiv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4-5" styleLbl="fgAccFollowNode1">
                          <dgm:varLst>
                            <dgm:bulletEnabled val="1"/>
                          </dgm:varLst>
                          <dgm:alg type="tx"/>
                          <dgm:shape xmlns:r="http://schemas.openxmlformats.org/officeDocument/2006/relationships" type="downArrow" r:blip="">
                            <dgm:adjLst>
                              <dgm:adj idx="1" val="0.55"/>
                              <dgm:adj idx="2" val="0.45"/>
                            </dgm:adjLst>
                          </dgm:shape>
                          <dgm:presOf axis="ch" ptType="sibTrans" st="4"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5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5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7"/>
                    </dgm:choose>
                  </dgm:else>
                </dgm:choose>
              </dgm:else>
            </dgm:choose>
          </dgm:else>
        </dgm:choose>
      </dgm:else>
    </dgm:choose>
  </dgm:layoutNode>
</dgm:layoutDef>
</file>

<file path=ppt/diagrams/layout5.xml><?xml version="1.0" encoding="utf-8"?>
<dgm:layoutDef xmlns:dgm="http://schemas.openxmlformats.org/drawingml/2006/diagram" xmlns:a="http://schemas.openxmlformats.org/drawingml/2006/main" uniqueId="urn:microsoft.com/office/officeart/2005/8/layout/vProcess5">
  <dgm:title val=""/>
  <dgm:desc val=""/>
  <dgm:catLst>
    <dgm:cat type="process" pri="14000"/>
  </dgm:catLst>
  <dgm:sampData>
    <dgm:dataModel>
      <dgm:ptLst>
        <dgm:pt modelId="0" type="doc"/>
        <dgm:pt modelId="1">
          <dgm:prSet phldr="1"/>
        </dgm:pt>
        <dgm:pt modelId="2">
          <dgm:prSet phldr="1"/>
        </dgm:pt>
        <dgm:pt modelId="3">
          <dgm:prSet phldr="1"/>
        </dgm:pt>
      </dgm:ptLst>
      <dgm:cxnLst>
        <dgm:cxn modelId="5" srcId="0" destId="1" srcOrd="0" destOrd="0"/>
        <dgm:cxn modelId="6" srcId="0" destId="2" srcOrd="1" destOrd="0"/>
        <dgm:cxn modelId="7" srcId="0" destId="3" srcOrd="2"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6" srcId="0" destId="1" srcOrd="0" destOrd="0"/>
        <dgm:cxn modelId="7" srcId="0" destId="2" srcOrd="1" destOrd="0"/>
        <dgm:cxn modelId="8" srcId="0" destId="3" srcOrd="2" destOrd="0"/>
        <dgm:cxn modelId="9" srcId="0" destId="4" srcOrd="3" destOrd="0"/>
      </dgm:cxnLst>
      <dgm:bg/>
      <dgm:whole/>
    </dgm:dataModel>
  </dgm:clrData>
  <dgm:layoutNode name="outerComposite">
    <dgm:varLst>
      <dgm:chMax val="5"/>
      <dgm:dir/>
      <dgm:resizeHandles val="exact"/>
    </dgm:varLst>
    <dgm:alg type="composite"/>
    <dgm:shape xmlns:r="http://schemas.openxmlformats.org/officeDocument/2006/relationships" r:blip="">
      <dgm:adjLst/>
    </dgm:shape>
    <dgm:presOf/>
    <dgm:choose name="Name0">
      <dgm:if name="Name1" func="var" arg="dir" op="equ" val="norm">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l" for="ch" forName="TwoNodes_1"/>
          <dgm:constr type="w" for="ch" forName="TwoNodes_2" refType="w" fact="0.85"/>
          <dgm:constr type="h" for="ch" forName="TwoNodes_2" refType="h" fact="0.45"/>
          <dgm:constr type="b" for="ch" forName="TwoNodes_2" refType="h"/>
          <dgm:constr type="r" for="ch" forName="TwoNodes_2" refType="w"/>
          <dgm:constr type="w" for="ch" forName="TwoConn_1-2" refType="h" refFor="ch" refForName="TwoNodes_1" fact="0.65"/>
          <dgm:constr type="h" for="ch" forName="TwoConn_1-2" refType="h" refFor="ch" refForName="TwoNodes_1" fact="0.65"/>
          <dgm:constr type="ctrY" for="ch" forName="TwoConn_1-2" refType="h" fact="0.5"/>
          <dgm:constr type="r" for="ch" forName="TwoConn_1-2" refType="r" refFor="ch" refForName="TwoNodes_1"/>
          <dgm:constr type="r" for="ch" forName="TwoNodes_1_text" refType="l" refFor="ch" refForName="TwoConn_1-2"/>
          <dgm:constr type="rOff" for="ch" forName="TwoNodes_1_text" refType="w" refFor="ch" refForName="TwoConn_1-2" fact="-0.5"/>
          <dgm:constr type="t" for="ch" forName="TwoNodes_1_text" refType="t" refFor="ch" refForName="TwoNodes_1"/>
          <dgm:constr type="b" for="ch" forName="TwoNodes_1_text" refType="b" refFor="ch" refForName="TwoNodes_1"/>
          <dgm:constr type="l" for="ch" forName="TwoNodes_1_text" refType="l" refFor="ch" refForName="TwoNodes_1"/>
          <dgm:constr type="r" for="ch" forName="TwoNodes_2_text" refType="l" refFor="ch" refForName="TwoConn_1-2"/>
          <dgm:constr type="t" for="ch" forName="TwoNodes_2_text" refType="t" refFor="ch" refForName="TwoNodes_2"/>
          <dgm:constr type="b" for="ch" forName="TwoNodes_2_text" refType="b" refFor="ch" refForName="TwoNodes_2"/>
          <dgm:constr type="l" for="ch" forName="TwoNodes_2_text" refType="l" refFor="ch" refForName="TwoNodes_2"/>
          <dgm:constr type="w" for="ch" forName="ThreeNodes_1" refType="w" fact="0.85"/>
          <dgm:constr type="h" for="ch" forName="ThreeNodes_1" refType="h" fact="0.3"/>
          <dgm:constr type="t" for="ch" forName="ThreeNodes_1"/>
          <dgm:constr type="l" for="ch" forName="ThreeNodes_1"/>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r" for="ch" forName="ThreeNodes_3" refType="w"/>
          <dgm:constr type="w" for="ch" forName="ThreeConn_1-2" refType="h" refFor="ch" refForName="ThreeNodes_1" fact="0.65"/>
          <dgm:constr type="h" for="ch" forName="ThreeConn_1-2" refType="h" refFor="ch" refForName="ThreeNodes_1" fact="0.65"/>
          <dgm:constr type="ctrY" for="ch" forName="ThreeConn_1-2" refType="h" fact="0.325"/>
          <dgm:constr type="r" for="ch" forName="ThreeConn_1-2" refType="r"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r" for="ch" forName="ThreeConn_2-3" refType="r" refFor="ch" refForName="ThreeNodes_2"/>
          <dgm:constr type="r" for="ch" forName="ThreeNodes_1_text" refType="l" refFor="ch" refForName="ThreeConn_1-2"/>
          <dgm:constr type="rOff" for="ch" forName="ThreeNodes_1_text" refType="w" refFor="ch" refForName="ThreeConn_1-2" fact="-0.57"/>
          <dgm:constr type="t" for="ch" forName="ThreeNodes_1_text" refType="t" refFor="ch" refForName="ThreeNodes_1"/>
          <dgm:constr type="b" for="ch" forName="ThreeNodes_1_text" refType="b" refFor="ch" refForName="ThreeNodes_1"/>
          <dgm:constr type="l" for="ch" forName="ThreeNodes_1_text" refType="l" refFor="ch" refForName="ThreeNodes_1"/>
          <dgm:constr type="r" for="ch" forName="ThreeNodes_2_text" refType="l" refFor="ch" refForName="ThreeConn_1-2"/>
          <dgm:constr type="t" for="ch" forName="ThreeNodes_2_text" refType="t" refFor="ch" refForName="ThreeNodes_2"/>
          <dgm:constr type="b" for="ch" forName="ThreeNodes_2_text" refType="b" refFor="ch" refForName="ThreeNodes_2"/>
          <dgm:constr type="l" for="ch" forName="ThreeNodes_2_text" refType="l" refFor="ch" refForName="ThreeNodes_2"/>
          <dgm:constr type="r" for="ch" forName="ThreeNodes_3_text" refType="l" refFor="ch" refForName="ThreeConn_2-3"/>
          <dgm:constr type="t" for="ch" forName="ThreeNodes_3_text" refType="t" refFor="ch" refForName="ThreeNodes_3"/>
          <dgm:constr type="b" for="ch" forName="ThreeNodes_3_text" refType="b" refFor="ch" refForName="ThreeNodes_3"/>
          <dgm:constr type="l" for="ch" forName="ThreeNodes_3_text" refType="l" refFor="ch" refForName="ThreeNodes_3"/>
          <dgm:constr type="w" for="ch" forName="FourNodes_1" refType="w" fact="0.8"/>
          <dgm:constr type="h" for="ch" forName="FourNodes_1" refType="h" fact="0.22"/>
          <dgm:constr type="t" for="ch" forName="FourNodes_1"/>
          <dgm:constr type="l" for="ch" forName="FourNodes_1"/>
          <dgm:constr type="w" for="ch" forName="FourNodes_2" refType="w" fact="0.8"/>
          <dgm:constr type="h" for="ch" forName="FourNodes_2" refType="h" fact="0.22"/>
          <dgm:constr type="ctrY" for="ch" forName="FourNodes_2" refType="h" fact="0.37"/>
          <dgm:constr type="ctrX" for="ch" forName="FourNodes_2" refType="w" fact="0.467"/>
          <dgm:constr type="w" for="ch" forName="FourNodes_3" refType="w" fact="0.8"/>
          <dgm:constr type="h" for="ch" forName="FourNodes_3" refType="h" fact="0.22"/>
          <dgm:constr type="ctrY" for="ch" forName="FourNodes_3" refType="h" fact="0.63"/>
          <dgm:constr type="ctrX" for="ch" forName="FourNodes_3" refType="w" fact="0.533"/>
          <dgm:constr type="w" for="ch" forName="FourNodes_4" refType="w" fact="0.8"/>
          <dgm:constr type="h" for="ch" forName="FourNodes_4" refType="h" fact="0.22"/>
          <dgm:constr type="b" for="ch" forName="FourNodes_4" refType="h"/>
          <dgm:constr type="r" for="ch" forName="FourNodes_4" refType="w"/>
          <dgm:constr type="w" for="ch" forName="FourConn_1-2" refType="h" refFor="ch" refForName="FourNodes_1" fact="0.65"/>
          <dgm:constr type="h" for="ch" forName="FourConn_1-2" refType="h" refFor="ch" refForName="FourNodes_1" fact="0.65"/>
          <dgm:constr type="ctrY" for="ch" forName="FourConn_1-2" refType="h" fact="0.24"/>
          <dgm:constr type="r" for="ch" forName="FourConn_1-2" refType="r"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r" for="ch" forName="FourConn_2-3" refType="r"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r" for="ch" forName="FourConn_3-4" refType="r" refFor="ch" refForName="FourNodes_3"/>
          <dgm:constr type="r" for="ch" forName="FourNodes_1_text" refType="l" refFor="ch" refForName="FourConn_1-2"/>
          <dgm:constr type="rOff" for="ch" forName="FourNodes_1_text" refType="w" refFor="ch" refForName="FourConn_1-2" fact="-0.7"/>
          <dgm:constr type="t" for="ch" forName="FourNodes_1_text" refType="t" refFor="ch" refForName="FourNodes_1"/>
          <dgm:constr type="b" for="ch" forName="FourNodes_1_text" refType="b" refFor="ch" refForName="FourNodes_1"/>
          <dgm:constr type="l" for="ch" forName="FourNodes_1_text" refType="l" refFor="ch" refForName="FourNodes_1"/>
          <dgm:constr type="r" for="ch" forName="FourNodes_2_text" refType="l" refFor="ch" refForName="FourConn_1-2"/>
          <dgm:constr type="t" for="ch" forName="FourNodes_2_text" refType="t" refFor="ch" refForName="FourNodes_2"/>
          <dgm:constr type="b" for="ch" forName="FourNodes_2_text" refType="b" refFor="ch" refForName="FourNodes_2"/>
          <dgm:constr type="l" for="ch" forName="FourNodes_2_text" refType="l" refFor="ch" refForName="FourNodes_2"/>
          <dgm:constr type="r" for="ch" forName="FourNodes_3_text" refType="l" refFor="ch" refForName="FourConn_2-3"/>
          <dgm:constr type="t" for="ch" forName="FourNodes_3_text" refType="t" refFor="ch" refForName="FourNodes_3"/>
          <dgm:constr type="b" for="ch" forName="FourNodes_3_text" refType="b" refFor="ch" refForName="FourNodes_3"/>
          <dgm:constr type="l" for="ch" forName="FourNodes_3_text" refType="l" refFor="ch" refForName="FourNodes_3"/>
          <dgm:constr type="r" for="ch" forName="FourNodes_4_text" refType="l" refFor="ch" refForName="FourConn_3-4"/>
          <dgm:constr type="t" for="ch" forName="FourNodes_4_text" refType="t" refFor="ch" refForName="FourNodes_4"/>
          <dgm:constr type="b" for="ch" forName="FourNodes_4_text" refType="b" refFor="ch" refForName="FourNodes_4"/>
          <dgm:constr type="l" for="ch" forName="FourNodes_4_text" refType="l" refFor="ch" refForName="FourNodes_4"/>
          <dgm:constr type="w" for="ch" forName="FiveNodes_1" refType="w" fact="0.77"/>
          <dgm:constr type="h" for="ch" forName="FiveNodes_1" refType="h" fact="0.18"/>
          <dgm:constr type="t" for="ch" forName="FiveNodes_1"/>
          <dgm:constr type="l" for="ch" forName="FiveNodes_1"/>
          <dgm:constr type="w" for="ch" forName="FiveNodes_2" refType="w" fact="0.77"/>
          <dgm:constr type="h" for="ch" forName="FiveNodes_2" refType="h" fact="0.18"/>
          <dgm:constr type="ctrY" for="ch" forName="FiveNodes_2" refType="h" fact="0.295"/>
          <dgm:constr type="ctrX" for="ch" forName="FiveNodes_2" refType="w" fact="0.442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5575"/>
          <dgm:constr type="w" for="ch" forName="FiveNodes_5" refType="w" fact="0.77"/>
          <dgm:constr type="h" for="ch" forName="FiveNodes_5" refType="h" fact="0.18"/>
          <dgm:constr type="b" for="ch" forName="FiveNodes_5" refType="h"/>
          <dgm:constr type="r" for="ch" forName="FiveNodes_5" refType="w"/>
          <dgm:constr type="w" for="ch" forName="FiveConn_1-2" refType="h" refFor="ch" refForName="FiveNodes_1" fact="0.65"/>
          <dgm:constr type="h" for="ch" forName="FiveConn_1-2" refType="h" refFor="ch" refForName="FiveNodes_1" fact="0.65"/>
          <dgm:constr type="ctrY" for="ch" forName="FiveConn_1-2" refType="h" fact="0.19"/>
          <dgm:constr type="r" for="ch" forName="FiveConn_1-2" refType="r"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r" for="ch" forName="FiveConn_2-3" refType="r"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r" for="ch" forName="FiveConn_3-4" refType="r"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r" for="ch" forName="FiveConn_4-5" refType="r" refFor="ch" refForName="FiveNodes_4"/>
          <dgm:constr type="r" for="ch" forName="FiveNodes_1_text" refType="l" refFor="ch" refForName="FiveConn_1-2"/>
          <dgm:constr type="rOff" for="ch" forName="FiveNodes_1_text" refType="w" refFor="ch" refForName="FiveConn_1-2" fact="-0.75"/>
          <dgm:constr type="t" for="ch" forName="FiveNodes_1_text" refType="t" refFor="ch" refForName="FiveNodes_1"/>
          <dgm:constr type="b" for="ch" forName="FiveNodes_1_text" refType="b" refFor="ch" refForName="FiveNodes_1"/>
          <dgm:constr type="l" for="ch" forName="FiveNodes_1_text" refType="l" refFor="ch" refForName="FiveNodes_1"/>
          <dgm:constr type="r" for="ch" forName="FiveNodes_2_text" refType="l" refFor="ch" refForName="FiveConn_1-2"/>
          <dgm:constr type="t" for="ch" forName="FiveNodes_2_text" refType="t" refFor="ch" refForName="FiveNodes_2"/>
          <dgm:constr type="b" for="ch" forName="FiveNodes_2_text" refType="b" refFor="ch" refForName="FiveNodes_2"/>
          <dgm:constr type="l" for="ch" forName="FiveNodes_2_text" refType="l" refFor="ch" refForName="FiveNodes_2"/>
          <dgm:constr type="r" for="ch" forName="FiveNodes_3_text" refType="l" refFor="ch" refForName="FiveConn_2-3"/>
          <dgm:constr type="t" for="ch" forName="FiveNodes_3_text" refType="t" refFor="ch" refForName="FiveNodes_3"/>
          <dgm:constr type="b" for="ch" forName="FiveNodes_3_text" refType="b" refFor="ch" refForName="FiveNodes_3"/>
          <dgm:constr type="l" for="ch" forName="FiveNodes_3_text" refType="l" refFor="ch" refForName="FiveNodes_3"/>
          <dgm:constr type="r" for="ch" forName="FiveNodes_4_text" refType="l" refFor="ch" refForName="FiveConn_3-4"/>
          <dgm:constr type="t" for="ch" forName="FiveNodes_4_text" refType="t" refFor="ch" refForName="FiveNodes_4"/>
          <dgm:constr type="b" for="ch" forName="FiveNodes_4_text" refType="b" refFor="ch" refForName="FiveNodes_4"/>
          <dgm:constr type="l" for="ch" forName="FiveNodes_4_text" refType="l" refFor="ch" refForName="FiveNodes_4"/>
          <dgm:constr type="r" for="ch" forName="FiveNodes_5_text" refType="l" refFor="ch" refForName="FiveConn_4-5"/>
          <dgm:constr type="t" for="ch" forName="FiveNodes_5_text" refType="t" refFor="ch" refForName="FiveNodes_5"/>
          <dgm:constr type="b" for="ch" forName="FiveNodes_5_text" refType="b" refFor="ch" refForName="FiveNodes_5"/>
          <dgm:constr type="l" for="ch" forName="FiveNodes_5_text" refType="l" refFor="ch" refForName="FiveNodes_5"/>
        </dgm:constrLst>
      </dgm:if>
      <dgm:else name="Name2">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r" for="ch" forName="TwoNodes_1" refType="w"/>
          <dgm:constr type="w" for="ch" forName="TwoNodes_2" refType="w" fact="0.85"/>
          <dgm:constr type="h" for="ch" forName="TwoNodes_2" refType="h" fact="0.45"/>
          <dgm:constr type="b" for="ch" forName="TwoNodes_2" refType="h"/>
          <dgm:constr type="l" for="ch" forName="TwoNodes_2"/>
          <dgm:constr type="w" for="ch" forName="TwoConn_1-2" refType="h" refFor="ch" refForName="TwoNodes_1" fact="0.65"/>
          <dgm:constr type="h" for="ch" forName="TwoConn_1-2" refType="h" refFor="ch" refForName="TwoNodes_1" fact="0.65"/>
          <dgm:constr type="ctrY" for="ch" forName="TwoConn_1-2" refType="h" fact="0.5"/>
          <dgm:constr type="l" for="ch" forName="TwoConn_1-2" refType="l" refFor="ch" refForName="TwoNodes_1"/>
          <dgm:constr type="l" for="ch" forName="TwoNodes_1_text" refType="r" refFor="ch" refForName="TwoConn_1-2"/>
          <dgm:constr type="lOff" for="ch" forName="TwoNodes_1_text" refType="w" refFor="ch" refForName="TwoConn_1-2" fact="0.5"/>
          <dgm:constr type="t" for="ch" forName="TwoNodes_1_text" refType="t" refFor="ch" refForName="TwoNodes_1"/>
          <dgm:constr type="b" for="ch" forName="TwoNodes_1_text" refType="b" refFor="ch" refForName="TwoNodes_1"/>
          <dgm:constr type="r" for="ch" forName="TwoNodes_1_text" refType="r" refFor="ch" refForName="TwoNodes_1"/>
          <dgm:constr type="l" for="ch" forName="TwoNodes_2_text" refType="r" refFor="ch" refForName="TwoConn_1-2"/>
          <dgm:constr type="t" for="ch" forName="TwoNodes_2_text" refType="t" refFor="ch" refForName="TwoNodes_2"/>
          <dgm:constr type="b" for="ch" forName="TwoNodes_2_text" refType="b" refFor="ch" refForName="TwoNodes_2"/>
          <dgm:constr type="r" for="ch" forName="TwoNodes_2_text" refType="r" refFor="ch" refForName="TwoNodes_2"/>
          <dgm:constr type="w" for="ch" forName="ThreeNodes_1" refType="w" fact="0.85"/>
          <dgm:constr type="h" for="ch" forName="ThreeNodes_1" refType="h" fact="0.3"/>
          <dgm:constr type="t" for="ch" forName="ThreeNodes_1"/>
          <dgm:constr type="r" for="ch" forName="ThreeNodes_1" refType="w"/>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l" for="ch" forName="ThreeNodes_3"/>
          <dgm:constr type="w" for="ch" forName="ThreeConn_1-2" refType="h" refFor="ch" refForName="ThreeNodes_1" fact="0.65"/>
          <dgm:constr type="h" for="ch" forName="ThreeConn_1-2" refType="h" refFor="ch" refForName="ThreeNodes_1" fact="0.65"/>
          <dgm:constr type="ctrY" for="ch" forName="ThreeConn_1-2" refType="h" fact="0.325"/>
          <dgm:constr type="l" for="ch" forName="ThreeConn_1-2" refType="l"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l" for="ch" forName="ThreeConn_2-3" refType="l" refFor="ch" refForName="ThreeNodes_2"/>
          <dgm:constr type="l" for="ch" forName="ThreeNodes_1_text" refType="r" refFor="ch" refForName="ThreeConn_1-2"/>
          <dgm:constr type="lOff" for="ch" forName="ThreeNodes_1_text" refType="w" refFor="ch" refForName="ThreeConn_1-2" fact="0.55"/>
          <dgm:constr type="t" for="ch" forName="ThreeNodes_1_text" refType="t" refFor="ch" refForName="ThreeNodes_1"/>
          <dgm:constr type="b" for="ch" forName="ThreeNodes_1_text" refType="b" refFor="ch" refForName="ThreeNodes_1"/>
          <dgm:constr type="r" for="ch" forName="ThreeNodes_1_text" refType="r" refFor="ch" refForName="ThreeNodes_1"/>
          <dgm:constr type="l" for="ch" forName="ThreeNodes_2_text" refType="r" refFor="ch" refForName="ThreeConn_1-2"/>
          <dgm:constr type="t" for="ch" forName="ThreeNodes_2_text" refType="t" refFor="ch" refForName="ThreeNodes_2"/>
          <dgm:constr type="b" for="ch" forName="ThreeNodes_2_text" refType="b" refFor="ch" refForName="ThreeNodes_2"/>
          <dgm:constr type="r" for="ch" forName="ThreeNodes_2_text" refType="r" refFor="ch" refForName="ThreeNodes_2"/>
          <dgm:constr type="l" for="ch" forName="ThreeNodes_3_text" refType="r" refFor="ch" refForName="ThreeConn_2-3"/>
          <dgm:constr type="t" for="ch" forName="ThreeNodes_3_text" refType="t" refFor="ch" refForName="ThreeNodes_3"/>
          <dgm:constr type="b" for="ch" forName="ThreeNodes_3_text" refType="b" refFor="ch" refForName="ThreeNodes_3"/>
          <dgm:constr type="r" for="ch" forName="ThreeNodes_3_text" refType="r" refFor="ch" refForName="ThreeNodes_3"/>
          <dgm:constr type="w" for="ch" forName="FourNodes_1" refType="w" fact="0.8"/>
          <dgm:constr type="h" for="ch" forName="FourNodes_1" refType="h" fact="0.22"/>
          <dgm:constr type="t" for="ch" forName="FourNodes_1"/>
          <dgm:constr type="r" for="ch" forName="FourNodes_1" refType="w"/>
          <dgm:constr type="w" for="ch" forName="FourNodes_2" refType="w" fact="0.8"/>
          <dgm:constr type="h" for="ch" forName="FourNodes_2" refType="h" fact="0.22"/>
          <dgm:constr type="ctrY" for="ch" forName="FourNodes_2" refType="h" fact="0.37"/>
          <dgm:constr type="ctrX" for="ch" forName="FourNodes_2" refType="w" fact="0.533"/>
          <dgm:constr type="w" for="ch" forName="FourNodes_3" refType="w" fact="0.8"/>
          <dgm:constr type="h" for="ch" forName="FourNodes_3" refType="h" fact="0.22"/>
          <dgm:constr type="ctrY" for="ch" forName="FourNodes_3" refType="h" fact="0.63"/>
          <dgm:constr type="ctrX" for="ch" forName="FourNodes_3" refType="w" fact="0.467"/>
          <dgm:constr type="w" for="ch" forName="FourNodes_4" refType="w" fact="0.8"/>
          <dgm:constr type="h" for="ch" forName="FourNodes_4" refType="h" fact="0.22"/>
          <dgm:constr type="b" for="ch" forName="FourNodes_4" refType="h"/>
          <dgm:constr type="l" for="ch" forName="FourNodes_4"/>
          <dgm:constr type="w" for="ch" forName="FourConn_1-2" refType="h" refFor="ch" refForName="FourNodes_1" fact="0.65"/>
          <dgm:constr type="h" for="ch" forName="FourConn_1-2" refType="h" refFor="ch" refForName="FourNodes_1" fact="0.65"/>
          <dgm:constr type="ctrY" for="ch" forName="FourConn_1-2" refType="h" fact="0.24"/>
          <dgm:constr type="l" for="ch" forName="FourConn_1-2" refType="l"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l" for="ch" forName="FourConn_2-3" refType="l"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l" for="ch" forName="FourConn_3-4" refType="l" refFor="ch" refForName="FourNodes_3"/>
          <dgm:constr type="l" for="ch" forName="FourNodes_1_text" refType="r" refFor="ch" refForName="FourConn_1-2"/>
          <dgm:constr type="lOff" for="ch" forName="FourNodes_1_text" refType="w" refFor="ch" refForName="FourConn_1-2" fact="0.69"/>
          <dgm:constr type="t" for="ch" forName="FourNodes_1_text" refType="t" refFor="ch" refForName="FourNodes_1"/>
          <dgm:constr type="b" for="ch" forName="FourNodes_1_text" refType="b" refFor="ch" refForName="FourNodes_1"/>
          <dgm:constr type="r" for="ch" forName="FourNodes_1_text" refType="r" refFor="ch" refForName="FourNodes_1"/>
          <dgm:constr type="l" for="ch" forName="FourNodes_2_text" refType="r" refFor="ch" refForName="FourConn_1-2"/>
          <dgm:constr type="t" for="ch" forName="FourNodes_2_text" refType="t" refFor="ch" refForName="FourNodes_2"/>
          <dgm:constr type="b" for="ch" forName="FourNodes_2_text" refType="b" refFor="ch" refForName="FourNodes_2"/>
          <dgm:constr type="r" for="ch" forName="FourNodes_2_text" refType="r" refFor="ch" refForName="FourNodes_2"/>
          <dgm:constr type="l" for="ch" forName="FourNodes_3_text" refType="r" refFor="ch" refForName="FourConn_2-3"/>
          <dgm:constr type="t" for="ch" forName="FourNodes_3_text" refType="t" refFor="ch" refForName="FourNodes_3"/>
          <dgm:constr type="b" for="ch" forName="FourNodes_3_text" refType="b" refFor="ch" refForName="FourNodes_3"/>
          <dgm:constr type="r" for="ch" forName="FourNodes_3_text" refType="r" refFor="ch" refForName="FourNodes_3"/>
          <dgm:constr type="l" for="ch" forName="FourNodes_4_text" refType="r" refFor="ch" refForName="FourConn_3-4"/>
          <dgm:constr type="t" for="ch" forName="FourNodes_4_text" refType="t" refFor="ch" refForName="FourNodes_4"/>
          <dgm:constr type="b" for="ch" forName="FourNodes_4_text" refType="b" refFor="ch" refForName="FourNodes_4"/>
          <dgm:constr type="r" for="ch" forName="FourNodes_4_text" refType="r" refFor="ch" refForName="FourNodes_4"/>
          <dgm:constr type="w" for="ch" forName="FiveNodes_1" refType="w" fact="0.77"/>
          <dgm:constr type="h" for="ch" forName="FiveNodes_1" refType="h" fact="0.18"/>
          <dgm:constr type="t" for="ch" forName="FiveNodes_1"/>
          <dgm:constr type="r" for="ch" forName="FiveNodes_1" refType="w"/>
          <dgm:constr type="w" for="ch" forName="FiveNodes_2" refType="w" fact="0.77"/>
          <dgm:constr type="h" for="ch" forName="FiveNodes_2" refType="h" fact="0.18"/>
          <dgm:constr type="ctrY" for="ch" forName="FiveNodes_2" refType="h" fact="0.295"/>
          <dgm:constr type="ctrX" for="ch" forName="FiveNodes_2" refType="w" fact="0.557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4425"/>
          <dgm:constr type="w" for="ch" forName="FiveNodes_5" refType="w" fact="0.77"/>
          <dgm:constr type="h" for="ch" forName="FiveNodes_5" refType="h" fact="0.18"/>
          <dgm:constr type="b" for="ch" forName="FiveNodes_5" refType="h"/>
          <dgm:constr type="l" for="ch" forName="FiveNodes_5"/>
          <dgm:constr type="w" for="ch" forName="FiveConn_1-2" refType="h" refFor="ch" refForName="FiveNodes_1" fact="0.65"/>
          <dgm:constr type="h" for="ch" forName="FiveConn_1-2" refType="h" refFor="ch" refForName="FiveNodes_1" fact="0.65"/>
          <dgm:constr type="ctrY" for="ch" forName="FiveConn_1-2" refType="h" fact="0.19"/>
          <dgm:constr type="l" for="ch" forName="FiveConn_1-2" refType="l"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l" for="ch" forName="FiveConn_2-3" refType="l"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l" for="ch" forName="FiveConn_3-4" refType="l"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l" for="ch" forName="FiveConn_4-5" refType="l" refFor="ch" refForName="FiveNodes_4"/>
          <dgm:constr type="l" for="ch" forName="FiveNodes_1_text" refType="r" refFor="ch" refForName="FiveConn_1-2"/>
          <dgm:constr type="lOff" for="ch" forName="FiveNodes_1_text" refType="w" refFor="ch" refForName="FiveConn_1-2" fact="0.73"/>
          <dgm:constr type="t" for="ch" forName="FiveNodes_1_text" refType="t" refFor="ch" refForName="FiveNodes_1"/>
          <dgm:constr type="b" for="ch" forName="FiveNodes_1_text" refType="b" refFor="ch" refForName="FiveNodes_1"/>
          <dgm:constr type="r" for="ch" forName="FiveNodes_1_text" refType="r" refFor="ch" refForName="FiveNodes_1"/>
          <dgm:constr type="l" for="ch" forName="FiveNodes_2_text" refType="r" refFor="ch" refForName="FiveConn_1-2"/>
          <dgm:constr type="t" for="ch" forName="FiveNodes_2_text" refType="t" refFor="ch" refForName="FiveNodes_2"/>
          <dgm:constr type="b" for="ch" forName="FiveNodes_2_text" refType="b" refFor="ch" refForName="FiveNodes_2"/>
          <dgm:constr type="r" for="ch" forName="FiveNodes_2_text" refType="r" refFor="ch" refForName="FiveNodes_2"/>
          <dgm:constr type="l" for="ch" forName="FiveNodes_3_text" refType="r" refFor="ch" refForName="FiveConn_2-3"/>
          <dgm:constr type="t" for="ch" forName="FiveNodes_3_text" refType="t" refFor="ch" refForName="FiveNodes_3"/>
          <dgm:constr type="b" for="ch" forName="FiveNodes_3_text" refType="b" refFor="ch" refForName="FiveNodes_3"/>
          <dgm:constr type="r" for="ch" forName="FiveNodes_3_text" refType="r" refFor="ch" refForName="FiveNodes_3"/>
          <dgm:constr type="l" for="ch" forName="FiveNodes_4_text" refType="r" refFor="ch" refForName="FiveConn_3-4"/>
          <dgm:constr type="t" for="ch" forName="FiveNodes_4_text" refType="t" refFor="ch" refForName="FiveNodes_4"/>
          <dgm:constr type="b" for="ch" forName="FiveNodes_4_text" refType="b" refFor="ch" refForName="FiveNodes_4"/>
          <dgm:constr type="r" for="ch" forName="FiveNodes_4_text" refType="r" refFor="ch" refForName="FiveNodes_4"/>
          <dgm:constr type="l" for="ch" forName="FiveNodes_5_text" refType="r" refFor="ch" refForName="FiveConn_4-5"/>
          <dgm:constr type="t" for="ch" forName="FiveNodes_5_text" refType="t" refFor="ch" refForName="FiveNodes_5"/>
          <dgm:constr type="b" for="ch" forName="FiveNodes_5_text" refType="b" refFor="ch" refForName="FiveNodes_5"/>
          <dgm:constr type="r" for="ch" forName="FiveNodes_5_text" refType="r" refFor="ch" refForName="FiveNodes_5"/>
        </dgm:constrLst>
      </dgm:else>
    </dgm:choose>
    <dgm:ruleLst/>
    <dgm:layoutNode name="dummyMaxCanvas">
      <dgm:varLst/>
      <dgm:alg type="sp"/>
      <dgm:shape xmlns:r="http://schemas.openxmlformats.org/officeDocument/2006/relationships" r:blip="">
        <dgm:adjLst/>
      </dgm:shape>
      <dgm:presOf/>
      <dgm:constrLst/>
      <dgm:ruleLst/>
    </dgm:layoutNode>
    <dgm:choose name="Name3">
      <dgm:if name="Name4" axis="ch" ptType="node" func="cnt" op="equ" val="1">
        <dgm:layoutNode name="OneNode_1">
          <dgm:varLst>
            <dgm:bulletEnabled val="1"/>
          </dgm:varLst>
          <dgm:alg type="tx"/>
          <dgm:shape xmlns:r="http://schemas.openxmlformats.org/officeDocument/2006/relationships" type="roundRect" r:blip="">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
        <dgm:choose name="Name6">
          <dgm:if name="Name7" axis="ch" ptType="node" func="cnt" op="equ" val="2">
            <dgm:layoutNode name="Two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wo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wo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wo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wo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
            <dgm:choose name="Name9">
              <dgm:if name="Name10" axis="ch" ptType="node" func="cnt" op="equ" val="3">
                <dgm:layoutNode name="Thre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hre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hre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Thre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1">
                <dgm:choose name="Name12">
                  <dgm:if name="Name13" axis="ch" ptType="node" func="cnt" op="equ" val="4">
                    <dgm:layoutNode name="Four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our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our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our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our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4">
                    <dgm:choose name="Name15">
                      <dgm:if name="Name16" axis="ch" ptType="node" func="cnt" op="gte" val="5">
                        <dgm:layoutNode name="Fiv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iv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iv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ive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iveNodes_5">
                          <dgm:varLst>
                            <dgm:bulletEnabled val="1"/>
                          </dgm:varLst>
                          <dgm:alg type="sp"/>
                          <dgm:shape xmlns:r="http://schemas.openxmlformats.org/officeDocument/2006/relationships" type="roundRect" r:blip="">
                            <dgm:adjLst>
                              <dgm:adj idx="1" val="0.1"/>
                            </dgm:adjLst>
                          </dgm:shape>
                          <dgm:presOf axis="ch desOrSelf" ptType="node node" st="5 1" cnt="1 0"/>
                          <dgm:constrLst/>
                          <dgm:ruleLst/>
                        </dgm:layoutNode>
                        <dgm:layoutNode name="Fiv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4-5" styleLbl="fgAccFollowNode1">
                          <dgm:varLst>
                            <dgm:bulletEnabled val="1"/>
                          </dgm:varLst>
                          <dgm:alg type="tx"/>
                          <dgm:shape xmlns:r="http://schemas.openxmlformats.org/officeDocument/2006/relationships" type="downArrow" r:blip="">
                            <dgm:adjLst>
                              <dgm:adj idx="1" val="0.55"/>
                              <dgm:adj idx="2" val="0.45"/>
                            </dgm:adjLst>
                          </dgm:shape>
                          <dgm:presOf axis="ch" ptType="sibTrans" st="4"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5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5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7"/>
                    </dgm:choose>
                  </dgm:else>
                </dgm:choose>
              </dgm:else>
            </dgm:choose>
          </dgm:else>
        </dgm:choose>
      </dgm:else>
    </dgm:choose>
  </dgm:layoutNode>
</dgm:layoutDef>
</file>

<file path=ppt/diagrams/layout6.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7.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8.xml><?xml version="1.0" encoding="utf-8"?>
<dgm:layoutDef xmlns:dgm="http://schemas.openxmlformats.org/drawingml/2006/diagram" xmlns:a="http://schemas.openxmlformats.org/drawingml/2006/main" uniqueId="urn:microsoft.com/office/officeart/2018/2/layout/IconCircleList">
  <dgm:title val="Icon Circle List"/>
  <dgm:desc val="Use to show non-sequential or grouped chunks of information accompanied by related visuals. Circular shapes can hold an icon or small picture and corresponding text box shows Level 1 text. Works best for icons or small pictures with medium-length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alg type="sp"/>
    <dgm:shape xmlns:r="http://schemas.openxmlformats.org/officeDocument/2006/relationships" r:blip="">
      <dgm:adjLst/>
    </dgm:shape>
    <dgm:presOf/>
    <dgm:choose name="Name0">
      <dgm:if name="Name1" axis="ch" ptType="node" func="cnt" op="lte" val="3">
        <dgm:constrLst>
          <dgm:constr type="w" for="ch" forName="container" refType="w"/>
          <dgm:constr type="h" for="ch" forName="container" refType="h" fact="0.4"/>
        </dgm:constrLst>
      </dgm:if>
      <dgm:else name="Name2">
        <dgm:constrLst>
          <dgm:constr type="w" for="ch" forName="container" refType="w"/>
          <dgm:constr type="h" for="ch" forName="container" refType="h"/>
        </dgm:constrLst>
      </dgm:else>
    </dgm:choose>
    <dgm:ruleLst>
      <dgm:rule type="h" for="ch" forName="container" val="INF" fact="NaN" max="NaN"/>
    </dgm:ruleLst>
    <dgm:layoutNode name="container">
      <dgm:varLst>
        <dgm:dir/>
        <dgm:resizeHandles val="exact"/>
      </dgm:varLst>
      <dgm:choose name="Name3">
        <dgm:if name="Name4" axis="self" func="var" arg="dir" op="equ" val="norm">
          <dgm:alg type="snake">
            <dgm:param type="grDir" val="tL"/>
            <dgm:param type="flowDir" val="row"/>
            <dgm:param type="contDir" val="sameDir"/>
          </dgm:alg>
        </dgm:if>
        <dgm:else name="Name5">
          <dgm:alg type="snake">
            <dgm:param type="grDir" val="tR"/>
            <dgm:param type="flowDir" val="row"/>
            <dgm:param type="contDir" val="sameDir"/>
          </dgm:alg>
        </dgm:else>
      </dgm:choose>
      <dgm:shape xmlns:r="http://schemas.openxmlformats.org/officeDocument/2006/relationships" r:blip="">
        <dgm:adjLst/>
      </dgm:shape>
      <dgm:presOf/>
      <dgm:constrLst>
        <dgm:constr type="w" for="ch" forName="compNode" refType="w"/>
        <dgm:constr type="h" for="ch" forName="compNode" refType="w" fact="0.28"/>
        <dgm:constr type="w" for="ch" forName="sibTrans" refType="w" refFor="ch" refForName="compNode" fact="0.115"/>
        <dgm:constr type="sp" refType="h" op="equ" fact="0.17"/>
        <dgm:constr type="primFontSz" for="des" ptType="node" op="equ" val="24"/>
        <dgm:constr type="h" for="des" forName="compNode" op="equ"/>
        <dgm:constr type="h" for="des" forName="iconBgRect" op="equ"/>
      </dgm:constrLst>
      <dgm:ruleLst>
        <dgm:rule type="w" for="ch" forName="compNode" val="60" fact="NaN" max="NaN"/>
      </dgm:ruleLst>
      <dgm:forEach name="Name6" axis="ch" ptType="node">
        <dgm:layoutNode name="compNode">
          <dgm:alg type="composite"/>
          <dgm:shape xmlns:r="http://schemas.openxmlformats.org/officeDocument/2006/relationships" r:blip="">
            <dgm:adjLst/>
          </dgm:shape>
          <dgm:presOf axis="self"/>
          <dgm:constrLst>
            <dgm:constr type="w" for="ch" forName="iconBgRect" refType="w" fact="0.28"/>
            <dgm:constr type="h" for="ch" forName="iconBgRect" refType="w" refFor="ch" refForName="iconBgRect"/>
            <dgm:constr type="t" for="ch" forName="iconBgRect"/>
            <dgm:constr type="l" for="ch" forName="iconBgRect"/>
            <dgm:constr type="w" for="ch" forName="iconRect" refType="w" refFor="ch" refForName="iconBgRect" fact="0.58"/>
            <dgm:constr type="h" for="ch" forName="iconRect" refType="w" refFor="ch" refForName="iconRect"/>
            <dgm:constr type="ctrX" for="ch" forName="iconRect" refType="ctrX" refFor="ch" refForName="iconBgRect"/>
            <dgm:constr type="ctrY" for="ch" forName="iconRect" refType="ctrY" refFor="ch" refForName="iconBgRect"/>
            <dgm:constr type="w" for="ch" forName="spaceRect" refType="w" fact="0.06"/>
            <dgm:constr type="h" for="ch" forName="spaceRect" refType="h" refFor="ch" refForName="iconBgRect"/>
            <dgm:constr type="t" for="ch" forName="spaceRect" refType="t" refFor="ch" refForName="iconBgRect"/>
            <dgm:constr type="l" for="ch" forName="spaceRect" refType="r" refFor="ch" refForName="iconBgRect"/>
            <dgm:constr type="h" for="ch" forName="textRect" refType="h" refFor="ch" refForName="iconBgRect"/>
            <dgm:constr type="t" for="ch" forName="textRect" refType="t" refFor="ch" refForName="iconBgRect"/>
            <dgm:constr type="l" for="ch" forName="textRect" refType="r" refFor="ch" refForName="spaceRect"/>
          </dgm:constrLst>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choose name="Name7">
              <dgm:if name="Name8" func="var" arg="dir" op="equ" val="norm">
                <dgm:alg type="tx">
                  <dgm:param type="txAnchorVert" val="mid"/>
                  <dgm:param type="parTxLTRAlign" val="l"/>
                  <dgm:param type="shpTxLTRAlignCh" val="l"/>
                  <dgm:param type="parTxRTLAlign" val="l"/>
                  <dgm:param type="shpTxRTLAlignCh" val="l"/>
                </dgm:alg>
              </dgm:if>
              <dgm:else name="Name9">
                <dgm:alg type="tx">
                  <dgm:param type="txAnchorVert" val="mid"/>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Lst>
          </dgm:layoutNode>
        </dgm:layoutNode>
        <dgm:forEach name="Name10"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extLst>
    <a:ext uri="{68A01E43-0DF5-4B5B-8FA6-DAF915123BFB}">
      <dgm1612:lstStyle xmlns:dgm1612="http://schemas.microsoft.com/office/drawing/2016/12/diagram">
        <a:lvl1pPr>
          <a:lnSpc>
            <a:spcPct val="100000"/>
          </a:lnSpc>
        </a:lvl1pPr>
      </dgm1612:lstStyle>
    </a:ext>
  </dgm:extLst>
</dgm:layoutDef>
</file>

<file path=ppt/diagrams/layout9.xml><?xml version="1.0" encoding="utf-8"?>
<dgm:layoutDef xmlns:dgm="http://schemas.openxmlformats.org/drawingml/2006/diagram" xmlns:a="http://schemas.openxmlformats.org/drawingml/2006/main" uniqueId="urn:microsoft.com/office/officeart/2005/8/layout/process4">
  <dgm:title val=""/>
  <dgm:desc val=""/>
  <dgm:catLst>
    <dgm:cat type="process" pri="16000"/>
    <dgm:cat type="list" pri="20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lin">
      <dgm:param type="linDir" val="fromB"/>
    </dgm:alg>
    <dgm:shape xmlns:r="http://schemas.openxmlformats.org/officeDocument/2006/relationships" r:blip="">
      <dgm:adjLst/>
    </dgm:shape>
    <dgm:presOf/>
    <dgm:constrLst>
      <dgm:constr type="h" for="ch" forName="boxAndChildren" refType="h"/>
      <dgm:constr type="h" for="ch" forName="arrowAndChildren" refType="h" refFor="ch" refForName="boxAndChildren" op="equ" fact="1.538"/>
      <dgm:constr type="w" for="ch" forName="arrowAndChildren" refType="w"/>
      <dgm:constr type="w" for="ch" forName="boxAndChildren" refType="w"/>
      <dgm:constr type="h" for="ch" forName="sp" refType="h" fact="-0.015"/>
      <dgm:constr type="primFontSz" for="des" forName="parentTextBox" val="65"/>
      <dgm:constr type="primFontSz" for="des" forName="parentTextArrow" refType="primFontSz" refFor="des" refForName="parentTextBox" op="equ"/>
      <dgm:constr type="primFontSz" for="des" forName="childTextArrow" val="65"/>
      <dgm:constr type="primFontSz" for="des" forName="childTextBox" refType="primFontSz" refFor="des" refForName="childTextArrow" op="equ"/>
    </dgm:constrLst>
    <dgm:ruleLst/>
    <dgm:forEach name="Name1" axis="ch" ptType="node" st="-1" step="-1">
      <dgm:choose name="Name2">
        <dgm:if name="Name3" axis="self" ptType="node" func="revPos" op="equ" val="1">
          <dgm:layoutNode name="boxAndChildren">
            <dgm:alg type="composite"/>
            <dgm:shape xmlns:r="http://schemas.openxmlformats.org/officeDocument/2006/relationships" r:blip="">
              <dgm:adjLst/>
            </dgm:shape>
            <dgm:presOf/>
            <dgm:choose name="Name4">
              <dgm:if name="Name5" axis="ch" ptType="node" func="cnt" op="gte" val="1">
                <dgm:constrLst>
                  <dgm:constr type="w" for="ch" forName="parentTextBox" refType="w"/>
                  <dgm:constr type="h" for="ch" forName="parentTextBox" refType="h" fact="0.54"/>
                  <dgm:constr type="t" for="ch" forName="parentTextBox"/>
                  <dgm:constr type="w" for="ch" forName="entireBox" refType="w"/>
                  <dgm:constr type="h" for="ch" forName="entireBox" refType="h"/>
                  <dgm:constr type="w" for="ch" forName="descendantBox" refType="w"/>
                  <dgm:constr type="b" for="ch" forName="descendantBox" refType="h" fact="0.98"/>
                  <dgm:constr type="h" for="ch" forName="descendantBox" refType="h" fact="0.46"/>
                </dgm:constrLst>
              </dgm:if>
              <dgm:else name="Name6">
                <dgm:constrLst>
                  <dgm:constr type="w" for="ch" forName="parentTextBox" refType="w"/>
                  <dgm:constr type="h" for="ch" forName="parentTextBox" refType="h"/>
                </dgm:constrLst>
              </dgm:else>
            </dgm:choose>
            <dgm:ruleLst/>
            <dgm:layoutNode name="parentTextBox">
              <dgm:alg type="tx"/>
              <dgm:choose name="Name7">
                <dgm:if name="Name8" axis="ch" ptType="node" func="cnt" op="gte" val="1">
                  <dgm:shape xmlns:r="http://schemas.openxmlformats.org/officeDocument/2006/relationships" type="rect" r:blip="" zOrderOff="1" hideGeom="1">
                    <dgm:adjLst/>
                  </dgm:shape>
                </dgm:if>
                <dgm:else name="Name9">
                  <dgm:shape xmlns:r="http://schemas.openxmlformats.org/officeDocument/2006/relationships" type="rect" r:blip="">
                    <dgm:adjLst/>
                  </dgm:shape>
                </dgm:else>
              </dgm:choose>
              <dgm:presOf axis="self"/>
              <dgm:constrLst/>
              <dgm:ruleLst>
                <dgm:rule type="primFontSz" val="5" fact="NaN" max="NaN"/>
              </dgm:ruleLst>
            </dgm:layoutNode>
            <dgm:choose name="Name10">
              <dgm:if name="Name11" axis="ch" ptType="node" func="cnt" op="gte" val="1">
                <dgm:layoutNode name="entireBox">
                  <dgm:alg type="sp"/>
                  <dgm:shape xmlns:r="http://schemas.openxmlformats.org/officeDocument/2006/relationships" type="rect" r:blip="">
                    <dgm:adjLst/>
                  </dgm:shape>
                  <dgm:presOf axis="self"/>
                  <dgm:constrLst/>
                  <dgm:ruleLst/>
                </dgm:layoutNode>
                <dgm:layoutNode name="descendantBox" styleLbl="fgAccFollowNode1">
                  <dgm:choose name="Name12">
                    <dgm:if name="Name13" func="var" arg="dir" op="equ" val="norm">
                      <dgm:alg type="lin"/>
                    </dgm:if>
                    <dgm:else name="Name14">
                      <dgm:alg type="lin">
                        <dgm:param type="linDir" val="fromR"/>
                      </dgm:alg>
                    </dgm:else>
                  </dgm:choose>
                  <dgm:shape xmlns:r="http://schemas.openxmlformats.org/officeDocument/2006/relationships" r:blip="">
                    <dgm:adjLst/>
                  </dgm:shape>
                  <dgm:presOf/>
                  <dgm:constrLst>
                    <dgm:constr type="w" for="ch" forName="childTextBox" refType="w"/>
                    <dgm:constr type="h" for="ch" forName="childTextBox" refType="h"/>
                  </dgm:constrLst>
                  <dgm:ruleLst/>
                  <dgm:forEach name="Name15" axis="ch" ptType="node">
                    <dgm:layoutNode name="childTextBox"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16"/>
            </dgm:choose>
          </dgm:layoutNode>
        </dgm:if>
        <dgm:else name="Name17">
          <dgm:layoutNode name="arrowAndChildren">
            <dgm:alg type="composite"/>
            <dgm:shape xmlns:r="http://schemas.openxmlformats.org/officeDocument/2006/relationships" r:blip="">
              <dgm:adjLst/>
            </dgm:shape>
            <dgm:presOf/>
            <dgm:choose name="Name18">
              <dgm:if name="Name19" axis="ch" ptType="node" func="cnt" op="gte" val="1">
                <dgm:constrLst>
                  <dgm:constr type="w" for="ch" forName="parentTextArrow" refType="w"/>
                  <dgm:constr type="t" for="ch" forName="parentTextArrow"/>
                  <dgm:constr type="h" for="ch" forName="parentTextArrow" refType="h" fact="0.351"/>
                  <dgm:constr type="w" for="ch" forName="arrow" refType="w"/>
                  <dgm:constr type="h" for="ch" forName="arrow" refType="h"/>
                  <dgm:constr type="w" for="ch" forName="descendantArrow" refType="w"/>
                  <dgm:constr type="b" for="ch" forName="descendantArrow" refType="h" fact="0.65"/>
                  <dgm:constr type="h" for="ch" forName="descendantArrow" refType="h" fact="0.299"/>
                </dgm:constrLst>
              </dgm:if>
              <dgm:else name="Name20">
                <dgm:constrLst>
                  <dgm:constr type="w" for="ch" forName="parentTextArrow" refType="w"/>
                  <dgm:constr type="h" for="ch" forName="parentTextArrow" refType="h"/>
                </dgm:constrLst>
              </dgm:else>
            </dgm:choose>
            <dgm:ruleLst/>
            <dgm:layoutNode name="parentTextArrow">
              <dgm:alg type="tx"/>
              <dgm:choose name="Name21">
                <dgm:if name="Name22" axis="ch" ptType="node" func="cnt" op="gte" val="1">
                  <dgm:shape xmlns:r="http://schemas.openxmlformats.org/officeDocument/2006/relationships" type="rect" r:blip="" zOrderOff="1" hideGeom="1">
                    <dgm:adjLst/>
                  </dgm:shape>
                </dgm:if>
                <dgm:else name="Name23">
                  <dgm:shape xmlns:r="http://schemas.openxmlformats.org/officeDocument/2006/relationships" rot="180" type="upArrowCallout" r:blip="">
                    <dgm:adjLst/>
                  </dgm:shape>
                </dgm:else>
              </dgm:choose>
              <dgm:presOf axis="self"/>
              <dgm:constrLst/>
              <dgm:ruleLst>
                <dgm:rule type="primFontSz" val="5" fact="NaN" max="NaN"/>
              </dgm:ruleLst>
            </dgm:layoutNode>
            <dgm:choose name="Name24">
              <dgm:if name="Name25" axis="ch" ptType="node" func="cnt" op="gte" val="1">
                <dgm:layoutNode name="arrow">
                  <dgm:alg type="sp"/>
                  <dgm:shape xmlns:r="http://schemas.openxmlformats.org/officeDocument/2006/relationships" rot="180" type="upArrowCallout" r:blip="">
                    <dgm:adjLst/>
                  </dgm:shape>
                  <dgm:presOf axis="self"/>
                  <dgm:constrLst/>
                  <dgm:ruleLst/>
                </dgm:layoutNode>
                <dgm:layoutNode name="descendantArrow">
                  <dgm:choose name="Name26">
                    <dgm:if name="Name27" func="var" arg="dir" op="equ" val="norm">
                      <dgm:alg type="lin"/>
                    </dgm:if>
                    <dgm:else name="Name28">
                      <dgm:alg type="lin">
                        <dgm:param type="linDir" val="fromR"/>
                      </dgm:alg>
                    </dgm:else>
                  </dgm:choose>
                  <dgm:shape xmlns:r="http://schemas.openxmlformats.org/officeDocument/2006/relationships" r:blip="">
                    <dgm:adjLst/>
                  </dgm:shape>
                  <dgm:presOf/>
                  <dgm:constrLst>
                    <dgm:constr type="w" for="ch" forName="childTextArrow" refType="w"/>
                    <dgm:constr type="h" for="ch" forName="childTextArrow" refType="h"/>
                  </dgm:constrLst>
                  <dgm:ruleLst/>
                  <dgm:forEach name="Name29" axis="ch" ptType="node">
                    <dgm:layoutNode name="childTextArrow"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30"/>
            </dgm:choose>
          </dgm:layoutNode>
        </dgm:else>
      </dgm:choose>
      <dgm:forEach name="Name31" axis="precedSib" ptType="sibTrans" st="-1" cnt="1">
        <dgm:layoutNode name="sp">
          <dgm:alg type="sp"/>
          <dgm:shape xmlns:r="http://schemas.openxmlformats.org/officeDocument/2006/relationships" r:blip="">
            <dgm:adjLst/>
          </dgm:shape>
          <dgm:presOf axis="sel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3">
  <dgm:title val=""/>
  <dgm:desc val=""/>
  <dgm:catLst>
    <dgm:cat type="simple" pri="10300"/>
  </dgm:catLst>
  <dgm:scene3d>
    <a:camera prst="orthographicFront"/>
    <a:lightRig rig="threePt" dir="t"/>
  </dgm:scene3d>
  <dgm:styleLbl name="node0">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lnNode1">
    <dgm:scene3d>
      <a:camera prst="orthographicFront"/>
      <a:lightRig rig="flat" dir="t"/>
    </dgm:scene3d>
    <dgm:sp3d prstMaterial="dkEdge">
      <a:bevelT w="8200" h="38100"/>
    </dgm:sp3d>
    <dgm:txPr/>
    <dgm:style>
      <a:lnRef idx="1">
        <a:scrgbClr r="0" g="0" b="0"/>
      </a:lnRef>
      <a:fillRef idx="2">
        <a:scrgbClr r="0" g="0" b="0"/>
      </a:fillRef>
      <a:effectRef idx="0">
        <a:scrgbClr r="0" g="0" b="0"/>
      </a:effectRef>
      <a:fontRef idx="minor">
        <a:schemeClr val="dk1"/>
      </a:fontRef>
    </dgm:style>
  </dgm:styleLbl>
  <dgm:styleLbl name="vennNode1">
    <dgm:scene3d>
      <a:camera prst="orthographicFront"/>
      <a:lightRig rig="flat" dir="t"/>
    </dgm:scene3d>
    <dgm:sp3d prstMaterial="dkEdge">
      <a:bevelT w="8200" h="38100"/>
    </dgm:sp3d>
    <dgm:txPr/>
    <dgm:style>
      <a:lnRef idx="0">
        <a:scrgbClr r="0" g="0" b="0"/>
      </a:lnRef>
      <a:fillRef idx="2">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node1">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node2">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node3">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node4">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fgImgPlace1">
    <dgm:scene3d>
      <a:camera prst="orthographicFront"/>
      <a:lightRig rig="threePt" dir="t"/>
    </dgm:scene3d>
    <dgm:sp3d/>
    <dgm:txPr/>
    <dgm:style>
      <a:lnRef idx="1">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1">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1">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2">
        <a:scrgbClr r="0" g="0" b="0"/>
      </a:fillRef>
      <a:effectRef idx="1">
        <a:scrgbClr r="0" g="0" b="0"/>
      </a:effectRef>
      <a:fontRef idx="minor">
        <a:schemeClr val="dk1"/>
      </a:fontRef>
    </dgm:style>
  </dgm:styleLbl>
  <dgm:styleLbl name="fgSibTrans2D1">
    <dgm:scene3d>
      <a:camera prst="orthographicFront"/>
      <a:lightRig rig="threePt" dir="t"/>
    </dgm:scene3d>
    <dgm:sp3d/>
    <dgm:txPr/>
    <dgm:style>
      <a:lnRef idx="0">
        <a:scrgbClr r="0" g="0" b="0"/>
      </a:lnRef>
      <a:fillRef idx="2">
        <a:scrgbClr r="0" g="0" b="0"/>
      </a:fillRef>
      <a:effectRef idx="1">
        <a:scrgbClr r="0" g="0" b="0"/>
      </a:effectRef>
      <a:fontRef idx="minor">
        <a:schemeClr val="dk1"/>
      </a:fontRef>
    </dgm:style>
  </dgm:styleLbl>
  <dgm:styleLbl name="bgSibTrans2D1">
    <dgm:scene3d>
      <a:camera prst="orthographicFront"/>
      <a:lightRig rig="threePt" dir="t"/>
    </dgm:scene3d>
    <dgm:sp3d/>
    <dgm:txPr/>
    <dgm:style>
      <a:lnRef idx="0">
        <a:scrgbClr r="0" g="0" b="0"/>
      </a:lnRef>
      <a:fillRef idx="2">
        <a:scrgbClr r="0" g="0" b="0"/>
      </a:fillRef>
      <a:effectRef idx="1">
        <a:scrgbClr r="0" g="0" b="0"/>
      </a:effectRef>
      <a:fontRef idx="minor">
        <a:schemeClr val="dk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2">
        <a:scrgbClr r="0" g="0" b="0"/>
      </a:fillRef>
      <a:effectRef idx="1">
        <a:scrgbClr r="0" g="0" b="0"/>
      </a:effectRef>
      <a:fontRef idx="minor"/>
    </dgm:style>
  </dgm:styleLbl>
  <dgm:styleLbl name="asst0">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1">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2">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3">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4">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parChTrans2D1">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2D2">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2D3">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2D4">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2">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1">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1">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flat" dir="t"/>
    </dgm:scene3d>
    <dgm:sp3d prstMaterial="dkEdge">
      <a:bevelT w="8200" h="38100"/>
    </dgm:sp3d>
    <dgm:txPr/>
    <dgm:style>
      <a:lnRef idx="1">
        <a:scrgbClr r="0" g="0" b="0"/>
      </a:lnRef>
      <a:fillRef idx="2">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1.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2" Type="http://schemas.openxmlformats.org/officeDocument/2006/relationships/tags" Target="../tags/tag5.xml"/><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6400" cy="496888"/>
          </a:xfrm>
          <a:prstGeom prst="rect">
            <a:avLst/>
          </a:prstGeom>
        </p:spPr>
        <p:txBody>
          <a:bodyPr vert="horz" lIns="91440" tIns="45720" rIns="91440" bIns="45720" rtlCol="0"/>
          <a:lstStyle>
            <a:lvl1pPr algn="l">
              <a:defRPr sz="1200"/>
            </a:lvl1pPr>
          </a:lstStyle>
          <a:p>
            <a:pPr>
              <a:defRPr/>
            </a:pPr>
            <a:endParaRPr lang="en-GB"/>
          </a:p>
        </p:txBody>
      </p:sp>
      <p:sp>
        <p:nvSpPr>
          <p:cNvPr id="3" name="Date Placeholder 2"/>
          <p:cNvSpPr>
            <a:spLocks noGrp="1"/>
          </p:cNvSpPr>
          <p:nvPr>
            <p:ph type="dt" sz="quarter" idx="1"/>
          </p:nvPr>
        </p:nvSpPr>
        <p:spPr>
          <a:xfrm>
            <a:off x="3849688" y="0"/>
            <a:ext cx="2946400" cy="496888"/>
          </a:xfrm>
          <a:prstGeom prst="rect">
            <a:avLst/>
          </a:prstGeom>
        </p:spPr>
        <p:txBody>
          <a:bodyPr vert="horz" lIns="91440" tIns="45720" rIns="91440" bIns="45720" rtlCol="0"/>
          <a:lstStyle>
            <a:lvl1pPr algn="r">
              <a:defRPr sz="1200"/>
            </a:lvl1pPr>
          </a:lstStyle>
          <a:p>
            <a:pPr>
              <a:defRPr/>
            </a:pPr>
            <a:fld id="{E3F9B667-4345-4848-8F00-2FD9B9026554}" type="datetimeFigureOut">
              <a:rPr lang="en-GB"/>
              <a:pPr>
                <a:defRPr/>
              </a:pPr>
              <a:t>10/11/2025</a:t>
            </a:fld>
            <a:endParaRPr lang="en-GB"/>
          </a:p>
        </p:txBody>
      </p:sp>
      <p:sp>
        <p:nvSpPr>
          <p:cNvPr id="4" name="Footer Placeholder 3"/>
          <p:cNvSpPr>
            <a:spLocks noGrp="1"/>
          </p:cNvSpPr>
          <p:nvPr>
            <p:ph type="ftr" sz="quarter" idx="2"/>
          </p:nvPr>
        </p:nvSpPr>
        <p:spPr>
          <a:xfrm>
            <a:off x="0" y="9428163"/>
            <a:ext cx="2946400" cy="496887"/>
          </a:xfrm>
          <a:prstGeom prst="rect">
            <a:avLst/>
          </a:prstGeom>
        </p:spPr>
        <p:txBody>
          <a:bodyPr vert="horz" lIns="91440" tIns="45720" rIns="91440" bIns="45720" rtlCol="0" anchor="b"/>
          <a:lstStyle>
            <a:lvl1pPr algn="l">
              <a:defRPr sz="1200"/>
            </a:lvl1pPr>
          </a:lstStyle>
          <a:p>
            <a:pPr>
              <a:defRPr/>
            </a:pPr>
            <a:endParaRPr lang="en-GB"/>
          </a:p>
        </p:txBody>
      </p:sp>
      <p:sp>
        <p:nvSpPr>
          <p:cNvPr id="5" name="Slide Number Placeholder 4"/>
          <p:cNvSpPr>
            <a:spLocks noGrp="1"/>
          </p:cNvSpPr>
          <p:nvPr>
            <p:ph type="sldNum" sz="quarter" idx="3"/>
          </p:nvPr>
        </p:nvSpPr>
        <p:spPr>
          <a:xfrm>
            <a:off x="3849688" y="9428163"/>
            <a:ext cx="2946400" cy="496887"/>
          </a:xfrm>
          <a:prstGeom prst="rect">
            <a:avLst/>
          </a:prstGeom>
        </p:spPr>
        <p:txBody>
          <a:bodyPr vert="horz" lIns="91440" tIns="45720" rIns="91440" bIns="45720" rtlCol="0" anchor="b"/>
          <a:lstStyle>
            <a:lvl1pPr algn="r">
              <a:defRPr sz="1200"/>
            </a:lvl1pPr>
          </a:lstStyle>
          <a:p>
            <a:pPr>
              <a:defRPr/>
            </a:pPr>
            <a:fld id="{60FB61DC-C680-479E-9C8E-64585BF2D9FE}" type="slidenum">
              <a:rPr lang="en-GB"/>
              <a:pPr>
                <a:defRPr/>
              </a:pPr>
              <a:t>‹#›</a:t>
            </a:fld>
            <a:endParaRPr lang="en-GB"/>
          </a:p>
        </p:txBody>
      </p:sp>
    </p:spTree>
    <p:custDataLst>
      <p:tags r:id="rId2"/>
    </p:custDataLst>
    <p:extLst>
      <p:ext uri="{BB962C8B-B14F-4D97-AF65-F5344CB8AC3E}">
        <p14:creationId xmlns:p14="http://schemas.microsoft.com/office/powerpoint/2010/main" val="151797511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4338" name="Rectangle 2"/>
          <p:cNvSpPr>
            <a:spLocks noGrp="1" noChangeArrowheads="1"/>
          </p:cNvSpPr>
          <p:nvPr>
            <p:ph type="hdr" sz="quarter"/>
          </p:nvPr>
        </p:nvSpPr>
        <p:spPr bwMode="auto">
          <a:xfrm>
            <a:off x="0" y="0"/>
            <a:ext cx="2946400" cy="49688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defRPr sz="1200"/>
            </a:lvl1pPr>
          </a:lstStyle>
          <a:p>
            <a:pPr>
              <a:defRPr/>
            </a:pPr>
            <a:endParaRPr lang="en-GB"/>
          </a:p>
        </p:txBody>
      </p:sp>
      <p:sp>
        <p:nvSpPr>
          <p:cNvPr id="14339" name="Rectangle 3"/>
          <p:cNvSpPr>
            <a:spLocks noGrp="1" noChangeArrowheads="1"/>
          </p:cNvSpPr>
          <p:nvPr>
            <p:ph type="dt" idx="1"/>
          </p:nvPr>
        </p:nvSpPr>
        <p:spPr bwMode="auto">
          <a:xfrm>
            <a:off x="3849688" y="0"/>
            <a:ext cx="2946400" cy="49688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defRPr sz="1200"/>
            </a:lvl1pPr>
          </a:lstStyle>
          <a:p>
            <a:pPr>
              <a:defRPr/>
            </a:pPr>
            <a:endParaRPr lang="en-GB"/>
          </a:p>
        </p:txBody>
      </p:sp>
      <p:sp>
        <p:nvSpPr>
          <p:cNvPr id="7172" name="Rectangle 4"/>
          <p:cNvSpPr>
            <a:spLocks noGrp="1" noRot="1" noChangeAspect="1" noChangeArrowheads="1" noTextEdit="1"/>
          </p:cNvSpPr>
          <p:nvPr>
            <p:ph type="sldImg" idx="2"/>
          </p:nvPr>
        </p:nvSpPr>
        <p:spPr bwMode="auto">
          <a:xfrm>
            <a:off x="90488" y="744538"/>
            <a:ext cx="6616700" cy="3722687"/>
          </a:xfrm>
          <a:prstGeom prst="rect">
            <a:avLst/>
          </a:prstGeom>
          <a:noFill/>
          <a:ln w="9525">
            <a:solidFill>
              <a:srgbClr val="000000"/>
            </a:solidFill>
            <a:miter lim="800000"/>
            <a:headEnd/>
            <a:tailEnd/>
          </a:ln>
          <a:extLst>
            <a:ext uri="{909E8E84-426E-40DD-AFC4-6F175D3DCCD1}">
              <a14:hiddenFill xmlns:a14="http://schemas.microsoft.com/office/drawing/2010/main">
                <a:solidFill>
                  <a:srgbClr val="FFFFFF"/>
                </a:solidFill>
              </a14:hiddenFill>
            </a:ext>
          </a:extLst>
        </p:spPr>
      </p:sp>
      <p:sp>
        <p:nvSpPr>
          <p:cNvPr id="14341" name="Rectangle 5"/>
          <p:cNvSpPr>
            <a:spLocks noGrp="1" noChangeArrowheads="1"/>
          </p:cNvSpPr>
          <p:nvPr>
            <p:ph type="body" sz="quarter" idx="3"/>
          </p:nvPr>
        </p:nvSpPr>
        <p:spPr bwMode="auto">
          <a:xfrm>
            <a:off x="679450" y="4714875"/>
            <a:ext cx="5438775" cy="4467225"/>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4342" name="Rectangle 6"/>
          <p:cNvSpPr>
            <a:spLocks noGrp="1" noChangeArrowheads="1"/>
          </p:cNvSpPr>
          <p:nvPr>
            <p:ph type="ftr" sz="quarter" idx="4"/>
          </p:nvPr>
        </p:nvSpPr>
        <p:spPr bwMode="auto">
          <a:xfrm>
            <a:off x="0" y="9428163"/>
            <a:ext cx="2946400" cy="496887"/>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defRPr sz="1200"/>
            </a:lvl1pPr>
          </a:lstStyle>
          <a:p>
            <a:pPr>
              <a:defRPr/>
            </a:pPr>
            <a:endParaRPr lang="en-GB"/>
          </a:p>
        </p:txBody>
      </p:sp>
      <p:sp>
        <p:nvSpPr>
          <p:cNvPr id="14343" name="Rectangle 7"/>
          <p:cNvSpPr>
            <a:spLocks noGrp="1" noChangeArrowheads="1"/>
          </p:cNvSpPr>
          <p:nvPr>
            <p:ph type="sldNum" sz="quarter" idx="5"/>
          </p:nvPr>
        </p:nvSpPr>
        <p:spPr bwMode="auto">
          <a:xfrm>
            <a:off x="3849688" y="9428163"/>
            <a:ext cx="2946400" cy="496887"/>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gn="r">
              <a:defRPr sz="1200"/>
            </a:lvl1pPr>
          </a:lstStyle>
          <a:p>
            <a:pPr>
              <a:defRPr/>
            </a:pPr>
            <a:fld id="{94D8E88D-5332-43EC-B438-7D4646EB52DC}" type="slidenum">
              <a:rPr lang="en-GB"/>
              <a:pPr>
                <a:defRPr/>
              </a:pPr>
              <a:t>‹#›</a:t>
            </a:fld>
            <a:endParaRPr lang="en-GB"/>
          </a:p>
        </p:txBody>
      </p:sp>
    </p:spTree>
    <p:extLst>
      <p:ext uri="{BB962C8B-B14F-4D97-AF65-F5344CB8AC3E}">
        <p14:creationId xmlns:p14="http://schemas.microsoft.com/office/powerpoint/2010/main" val="539992926"/>
      </p:ext>
    </p:extLst>
  </p:cSld>
  <p:clrMap bg1="lt1" tx1="dk1" bg2="lt2" tx2="dk2" accent1="accent1" accent2="accent2" accent3="accent3" accent4="accent4" accent5="accent5" accent6="accent6" hlink="hlink" folHlink="folHlink"/>
  <p:notesStyle>
    <a:lvl1pPr algn="l" rtl="0" eaLnBrk="0" fontAlgn="base" hangingPunct="0">
      <a:spcBef>
        <a:spcPct val="30000"/>
      </a:spcBef>
      <a:spcAft>
        <a:spcPct val="0"/>
      </a:spcAft>
      <a:defRPr sz="1200" kern="1200">
        <a:solidFill>
          <a:schemeClr val="tx1"/>
        </a:solidFill>
        <a:latin typeface="Arial" charset="0"/>
        <a:ea typeface="ＭＳ Ｐゴシック" pitchFamily="-128" charset="-128"/>
        <a:cs typeface="+mn-cs"/>
      </a:defRPr>
    </a:lvl1pPr>
    <a:lvl2pPr marL="457200" algn="l" rtl="0" eaLnBrk="0" fontAlgn="base" hangingPunct="0">
      <a:spcBef>
        <a:spcPct val="30000"/>
      </a:spcBef>
      <a:spcAft>
        <a:spcPct val="0"/>
      </a:spcAft>
      <a:defRPr sz="1200" kern="1200">
        <a:solidFill>
          <a:schemeClr val="tx1"/>
        </a:solidFill>
        <a:latin typeface="Arial" charset="0"/>
        <a:ea typeface="ＭＳ Ｐゴシック" pitchFamily="-128" charset="-128"/>
        <a:cs typeface="+mn-cs"/>
      </a:defRPr>
    </a:lvl2pPr>
    <a:lvl3pPr marL="914400" algn="l" rtl="0" eaLnBrk="0" fontAlgn="base" hangingPunct="0">
      <a:spcBef>
        <a:spcPct val="30000"/>
      </a:spcBef>
      <a:spcAft>
        <a:spcPct val="0"/>
      </a:spcAft>
      <a:defRPr sz="1200" kern="1200">
        <a:solidFill>
          <a:schemeClr val="tx1"/>
        </a:solidFill>
        <a:latin typeface="Arial" charset="0"/>
        <a:ea typeface="ＭＳ Ｐゴシック" pitchFamily="-128" charset="-128"/>
        <a:cs typeface="+mn-cs"/>
      </a:defRPr>
    </a:lvl3pPr>
    <a:lvl4pPr marL="1371600" algn="l" rtl="0" eaLnBrk="0" fontAlgn="base" hangingPunct="0">
      <a:spcBef>
        <a:spcPct val="30000"/>
      </a:spcBef>
      <a:spcAft>
        <a:spcPct val="0"/>
      </a:spcAft>
      <a:defRPr sz="1200" kern="1200">
        <a:solidFill>
          <a:schemeClr val="tx1"/>
        </a:solidFill>
        <a:latin typeface="Arial" charset="0"/>
        <a:ea typeface="ＭＳ Ｐゴシック" pitchFamily="-128" charset="-128"/>
        <a:cs typeface="+mn-cs"/>
      </a:defRPr>
    </a:lvl4pPr>
    <a:lvl5pPr marL="1828800" algn="l" rtl="0" eaLnBrk="0" fontAlgn="base" hangingPunct="0">
      <a:spcBef>
        <a:spcPct val="30000"/>
      </a:spcBef>
      <a:spcAft>
        <a:spcPct val="0"/>
      </a:spcAft>
      <a:defRPr sz="1200" kern="1200">
        <a:solidFill>
          <a:schemeClr val="tx1"/>
        </a:solidFill>
        <a:latin typeface="Arial" charset="0"/>
        <a:ea typeface="ＭＳ Ｐゴシック" pitchFamily="-128"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D31078D-FD41-53A5-8FAE-4C6BA23130E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EBED57E-B1A3-16A0-CBFD-D0BFCC60367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8F986E6-5C5E-7109-7798-3D0E291D8E9C}"/>
              </a:ext>
            </a:extLst>
          </p:cNvPr>
          <p:cNvSpPr>
            <a:spLocks noGrp="1"/>
          </p:cNvSpPr>
          <p:nvPr>
            <p:ph type="body" idx="1"/>
          </p:nvPr>
        </p:nvSpPr>
        <p:spPr/>
        <p:txBody>
          <a:bodyPr/>
          <a:lstStyle/>
          <a:p>
            <a:endParaRPr lang="en-GB" dirty="0"/>
          </a:p>
        </p:txBody>
      </p:sp>
      <p:sp>
        <p:nvSpPr>
          <p:cNvPr id="4" name="Slide Number Placeholder 3">
            <a:extLst>
              <a:ext uri="{FF2B5EF4-FFF2-40B4-BE49-F238E27FC236}">
                <a16:creationId xmlns:a16="http://schemas.microsoft.com/office/drawing/2014/main" id="{C8F6FAF2-900C-4E42-9E93-8B38920232E0}"/>
              </a:ext>
            </a:extLst>
          </p:cNvPr>
          <p:cNvSpPr>
            <a:spLocks noGrp="1"/>
          </p:cNvSpPr>
          <p:nvPr>
            <p:ph type="sldNum" sz="quarter" idx="5"/>
          </p:nvPr>
        </p:nvSpPr>
        <p:spPr/>
        <p:txBody>
          <a:bodyPr/>
          <a:lstStyle/>
          <a:p>
            <a:pPr>
              <a:defRPr/>
            </a:pPr>
            <a:fld id="{94D8E88D-5332-43EC-B438-7D4646EB52DC}" type="slidenum">
              <a:rPr lang="en-GB" smtClean="0"/>
              <a:pPr>
                <a:defRPr/>
              </a:pPr>
              <a:t>2</a:t>
            </a:fld>
            <a:endParaRPr lang="en-GB"/>
          </a:p>
        </p:txBody>
      </p:sp>
    </p:spTree>
    <p:extLst>
      <p:ext uri="{BB962C8B-B14F-4D97-AF65-F5344CB8AC3E}">
        <p14:creationId xmlns:p14="http://schemas.microsoft.com/office/powerpoint/2010/main" val="89822877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buFont typeface="Wingdings" panose="05000000000000000000" pitchFamily="2" charset="2"/>
              <a:buChar char="ü"/>
            </a:pPr>
            <a:endParaRPr lang="en-GB" sz="1200" dirty="0"/>
          </a:p>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12</a:t>
            </a:fld>
            <a:endParaRPr lang="en-GB"/>
          </a:p>
        </p:txBody>
      </p:sp>
    </p:spTree>
    <p:extLst>
      <p:ext uri="{BB962C8B-B14F-4D97-AF65-F5344CB8AC3E}">
        <p14:creationId xmlns:p14="http://schemas.microsoft.com/office/powerpoint/2010/main" val="15775098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13</a:t>
            </a:fld>
            <a:endParaRPr lang="en-GB"/>
          </a:p>
        </p:txBody>
      </p:sp>
    </p:spTree>
    <p:extLst>
      <p:ext uri="{BB962C8B-B14F-4D97-AF65-F5344CB8AC3E}">
        <p14:creationId xmlns:p14="http://schemas.microsoft.com/office/powerpoint/2010/main" val="255014820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14</a:t>
            </a:fld>
            <a:endParaRPr lang="en-GB"/>
          </a:p>
        </p:txBody>
      </p:sp>
    </p:spTree>
    <p:extLst>
      <p:ext uri="{BB962C8B-B14F-4D97-AF65-F5344CB8AC3E}">
        <p14:creationId xmlns:p14="http://schemas.microsoft.com/office/powerpoint/2010/main" val="289332389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16</a:t>
            </a:fld>
            <a:endParaRPr lang="en-GB"/>
          </a:p>
        </p:txBody>
      </p:sp>
    </p:spTree>
    <p:extLst>
      <p:ext uri="{BB962C8B-B14F-4D97-AF65-F5344CB8AC3E}">
        <p14:creationId xmlns:p14="http://schemas.microsoft.com/office/powerpoint/2010/main" val="269334020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18</a:t>
            </a:fld>
            <a:endParaRPr lang="en-GB"/>
          </a:p>
        </p:txBody>
      </p:sp>
    </p:spTree>
    <p:extLst>
      <p:ext uri="{BB962C8B-B14F-4D97-AF65-F5344CB8AC3E}">
        <p14:creationId xmlns:p14="http://schemas.microsoft.com/office/powerpoint/2010/main" val="418483367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0" fontAlgn="base" latinLnBrk="0" hangingPunct="0">
              <a:lnSpc>
                <a:spcPct val="100000"/>
              </a:lnSpc>
              <a:spcBef>
                <a:spcPct val="30000"/>
              </a:spcBef>
              <a:spcAft>
                <a:spcPct val="0"/>
              </a:spcAft>
              <a:buClrTx/>
              <a:buSzTx/>
              <a:buFontTx/>
              <a:buNone/>
              <a:tabLst/>
              <a:defRPr/>
            </a:pPr>
            <a:endParaRPr lang="en-US" sz="1200" dirty="0"/>
          </a:p>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19</a:t>
            </a:fld>
            <a:endParaRPr lang="en-GB"/>
          </a:p>
        </p:txBody>
      </p:sp>
    </p:spTree>
    <p:extLst>
      <p:ext uri="{BB962C8B-B14F-4D97-AF65-F5344CB8AC3E}">
        <p14:creationId xmlns:p14="http://schemas.microsoft.com/office/powerpoint/2010/main" val="245707130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20</a:t>
            </a:fld>
            <a:endParaRPr lang="en-GB"/>
          </a:p>
        </p:txBody>
      </p:sp>
    </p:spTree>
    <p:extLst>
      <p:ext uri="{BB962C8B-B14F-4D97-AF65-F5344CB8AC3E}">
        <p14:creationId xmlns:p14="http://schemas.microsoft.com/office/powerpoint/2010/main" val="124794821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21</a:t>
            </a:fld>
            <a:endParaRPr lang="en-GB"/>
          </a:p>
        </p:txBody>
      </p:sp>
    </p:spTree>
    <p:extLst>
      <p:ext uri="{BB962C8B-B14F-4D97-AF65-F5344CB8AC3E}">
        <p14:creationId xmlns:p14="http://schemas.microsoft.com/office/powerpoint/2010/main" val="273159329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22</a:t>
            </a:fld>
            <a:endParaRPr lang="en-GB"/>
          </a:p>
        </p:txBody>
      </p:sp>
    </p:spTree>
    <p:extLst>
      <p:ext uri="{BB962C8B-B14F-4D97-AF65-F5344CB8AC3E}">
        <p14:creationId xmlns:p14="http://schemas.microsoft.com/office/powerpoint/2010/main" val="117266909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1316C99-BB9A-065D-0AE9-B119CCE52F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6ABFE87-8413-D304-A74B-2E522804BED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5D808BA-94B0-2F70-6F49-39FA3F46CCA8}"/>
              </a:ext>
            </a:extLst>
          </p:cNvPr>
          <p:cNvSpPr>
            <a:spLocks noGrp="1"/>
          </p:cNvSpPr>
          <p:nvPr>
            <p:ph type="body" idx="1"/>
          </p:nvPr>
        </p:nvSpPr>
        <p:spPr/>
        <p:txBody>
          <a:bodyPr/>
          <a:lstStyle/>
          <a:p>
            <a:endParaRPr lang="en-GB" dirty="0"/>
          </a:p>
        </p:txBody>
      </p:sp>
      <p:sp>
        <p:nvSpPr>
          <p:cNvPr id="4" name="Slide Number Placeholder 3">
            <a:extLst>
              <a:ext uri="{FF2B5EF4-FFF2-40B4-BE49-F238E27FC236}">
                <a16:creationId xmlns:a16="http://schemas.microsoft.com/office/drawing/2014/main" id="{DA3A228A-90EF-734B-6BDA-643E4F820400}"/>
              </a:ext>
            </a:extLst>
          </p:cNvPr>
          <p:cNvSpPr>
            <a:spLocks noGrp="1"/>
          </p:cNvSpPr>
          <p:nvPr>
            <p:ph type="sldNum" sz="quarter" idx="5"/>
          </p:nvPr>
        </p:nvSpPr>
        <p:spPr/>
        <p:txBody>
          <a:bodyPr/>
          <a:lstStyle/>
          <a:p>
            <a:pPr>
              <a:defRPr/>
            </a:pPr>
            <a:fld id="{94D8E88D-5332-43EC-B438-7D4646EB52DC}" type="slidenum">
              <a:rPr lang="en-GB" smtClean="0"/>
              <a:pPr>
                <a:defRPr/>
              </a:pPr>
              <a:t>23</a:t>
            </a:fld>
            <a:endParaRPr lang="en-GB"/>
          </a:p>
        </p:txBody>
      </p:sp>
    </p:spTree>
    <p:extLst>
      <p:ext uri="{BB962C8B-B14F-4D97-AF65-F5344CB8AC3E}">
        <p14:creationId xmlns:p14="http://schemas.microsoft.com/office/powerpoint/2010/main" val="412422244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3</a:t>
            </a:fld>
            <a:endParaRPr lang="en-GB"/>
          </a:p>
        </p:txBody>
      </p:sp>
    </p:spTree>
    <p:extLst>
      <p:ext uri="{BB962C8B-B14F-4D97-AF65-F5344CB8AC3E}">
        <p14:creationId xmlns:p14="http://schemas.microsoft.com/office/powerpoint/2010/main" val="146199551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4</a:t>
            </a:fld>
            <a:endParaRPr lang="en-GB"/>
          </a:p>
        </p:txBody>
      </p:sp>
    </p:spTree>
    <p:extLst>
      <p:ext uri="{BB962C8B-B14F-4D97-AF65-F5344CB8AC3E}">
        <p14:creationId xmlns:p14="http://schemas.microsoft.com/office/powerpoint/2010/main" val="224422279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5</a:t>
            </a:fld>
            <a:endParaRPr lang="en-GB"/>
          </a:p>
        </p:txBody>
      </p:sp>
    </p:spTree>
    <p:extLst>
      <p:ext uri="{BB962C8B-B14F-4D97-AF65-F5344CB8AC3E}">
        <p14:creationId xmlns:p14="http://schemas.microsoft.com/office/powerpoint/2010/main" val="262020875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6</a:t>
            </a:fld>
            <a:endParaRPr lang="en-GB"/>
          </a:p>
        </p:txBody>
      </p:sp>
    </p:spTree>
    <p:extLst>
      <p:ext uri="{BB962C8B-B14F-4D97-AF65-F5344CB8AC3E}">
        <p14:creationId xmlns:p14="http://schemas.microsoft.com/office/powerpoint/2010/main" val="327388275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8</a:t>
            </a:fld>
            <a:endParaRPr lang="en-GB"/>
          </a:p>
        </p:txBody>
      </p:sp>
    </p:spTree>
    <p:extLst>
      <p:ext uri="{BB962C8B-B14F-4D97-AF65-F5344CB8AC3E}">
        <p14:creationId xmlns:p14="http://schemas.microsoft.com/office/powerpoint/2010/main" val="247477017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9</a:t>
            </a:fld>
            <a:endParaRPr lang="en-GB"/>
          </a:p>
        </p:txBody>
      </p:sp>
    </p:spTree>
    <p:extLst>
      <p:ext uri="{BB962C8B-B14F-4D97-AF65-F5344CB8AC3E}">
        <p14:creationId xmlns:p14="http://schemas.microsoft.com/office/powerpoint/2010/main" val="410364912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0" fontAlgn="base" latinLnBrk="0" hangingPunct="0">
              <a:lnSpc>
                <a:spcPct val="100000"/>
              </a:lnSpc>
              <a:spcBef>
                <a:spcPct val="30000"/>
              </a:spcBef>
              <a:spcAft>
                <a:spcPct val="0"/>
              </a:spcAft>
              <a:buClrTx/>
              <a:buSzTx/>
              <a:buFontTx/>
              <a:buNone/>
              <a:tabLst/>
              <a:defRPr/>
            </a:pPr>
            <a:endParaRPr lang="en-GB" sz="1200" dirty="0"/>
          </a:p>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10</a:t>
            </a:fld>
            <a:endParaRPr lang="en-GB"/>
          </a:p>
        </p:txBody>
      </p:sp>
    </p:spTree>
    <p:extLst>
      <p:ext uri="{BB962C8B-B14F-4D97-AF65-F5344CB8AC3E}">
        <p14:creationId xmlns:p14="http://schemas.microsoft.com/office/powerpoint/2010/main" val="339301531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a:defRPr/>
            </a:pPr>
            <a:fld id="{94D8E88D-5332-43EC-B438-7D4646EB52DC}" type="slidenum">
              <a:rPr lang="en-GB" smtClean="0"/>
              <a:pPr>
                <a:defRPr/>
              </a:pPr>
              <a:t>11</a:t>
            </a:fld>
            <a:endParaRPr lang="en-GB"/>
          </a:p>
        </p:txBody>
      </p:sp>
    </p:spTree>
    <p:extLst>
      <p:ext uri="{BB962C8B-B14F-4D97-AF65-F5344CB8AC3E}">
        <p14:creationId xmlns:p14="http://schemas.microsoft.com/office/powerpoint/2010/main" val="4286514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3.xml"/><Relationship Id="rId6" Type="http://schemas.openxmlformats.org/officeDocument/2006/relationships/image" Target="../media/image4.emf"/><Relationship Id="rId5" Type="http://schemas.openxmlformats.org/officeDocument/2006/relationships/image" Target="../media/image3.png"/><Relationship Id="rId4" Type="http://schemas.openxmlformats.org/officeDocument/2006/relationships/image" Target="../media/image2.emf"/></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4.xml"/><Relationship Id="rId6" Type="http://schemas.openxmlformats.org/officeDocument/2006/relationships/image" Target="../media/image7.png"/><Relationship Id="rId5" Type="http://schemas.openxmlformats.org/officeDocument/2006/relationships/image" Target="../media/image6.emf"/><Relationship Id="rId4" Type="http://schemas.microsoft.com/office/2007/relationships/hdphoto" Target="../media/hdphoto1.wdp"/></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Light Image Title Slid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EF3A4844-D13C-4F79-8FA1-1188C0B8FBAD}"/>
              </a:ext>
            </a:extLst>
          </p:cNvPr>
          <p:cNvSpPr/>
          <p:nvPr userDrawn="1"/>
        </p:nvSpPr>
        <p:spPr bwMode="auto">
          <a:xfrm>
            <a:off x="0" y="44624"/>
            <a:ext cx="8447584" cy="432048"/>
          </a:xfrm>
          <a:prstGeom prst="rect">
            <a:avLst/>
          </a:prstGeom>
          <a:solidFill>
            <a:schemeClr val="bg1"/>
          </a:solidFill>
          <a:ln w="9525" cap="flat" cmpd="sng" algn="ctr">
            <a:solidFill>
              <a:schemeClr val="bg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GB" sz="2400" b="0" i="0" u="none" strike="noStrike" cap="none" normalizeH="0" baseline="0">
              <a:ln>
                <a:noFill/>
              </a:ln>
              <a:solidFill>
                <a:schemeClr val="tx1"/>
              </a:solidFill>
              <a:effectLst/>
              <a:latin typeface="Arial" charset="0"/>
              <a:ea typeface="ＭＳ Ｐゴシック" pitchFamily="-128" charset="-128"/>
            </a:endParaRPr>
          </a:p>
        </p:txBody>
      </p:sp>
      <p:sp>
        <p:nvSpPr>
          <p:cNvPr id="12" name="Picture Placeholder 12">
            <a:extLst>
              <a:ext uri="{FF2B5EF4-FFF2-40B4-BE49-F238E27FC236}">
                <a16:creationId xmlns:a16="http://schemas.microsoft.com/office/drawing/2014/main" id="{9A278B81-B13D-45E1-803F-2F022831712C}"/>
              </a:ext>
            </a:extLst>
          </p:cNvPr>
          <p:cNvSpPr>
            <a:spLocks noGrp="1"/>
          </p:cNvSpPr>
          <p:nvPr>
            <p:ph type="pic" sz="quarter" idx="11" hasCustomPrompt="1"/>
          </p:nvPr>
        </p:nvSpPr>
        <p:spPr>
          <a:xfrm>
            <a:off x="0" y="2032"/>
            <a:ext cx="12191331" cy="6858000"/>
          </a:xfrm>
        </p:spPr>
        <p:txBody>
          <a:bodyPr/>
          <a:lstStyle>
            <a:lvl1pPr marL="0" indent="0">
              <a:buNone/>
              <a:defRPr sz="1400"/>
            </a:lvl1pPr>
          </a:lstStyle>
          <a:p>
            <a:r>
              <a:rPr lang="en-GB" dirty="0"/>
              <a:t>Insert image via Templafy</a:t>
            </a:r>
            <a:endParaRPr lang="en-GB"/>
          </a:p>
        </p:txBody>
      </p:sp>
      <p:sp>
        <p:nvSpPr>
          <p:cNvPr id="13" name="Text Placeholder 7">
            <a:extLst>
              <a:ext uri="{FF2B5EF4-FFF2-40B4-BE49-F238E27FC236}">
                <a16:creationId xmlns:a16="http://schemas.microsoft.com/office/drawing/2014/main" id="{8C559DA6-9DB3-4347-8826-6E515E97EBA5}"/>
              </a:ext>
            </a:extLst>
          </p:cNvPr>
          <p:cNvSpPr>
            <a:spLocks noGrp="1"/>
          </p:cNvSpPr>
          <p:nvPr>
            <p:ph type="body" sz="quarter" idx="10"/>
          </p:nvPr>
        </p:nvSpPr>
        <p:spPr>
          <a:xfrm>
            <a:off x="6622131" y="0"/>
            <a:ext cx="5569200" cy="4150800"/>
          </a:xfrm>
          <a:blipFill>
            <a:blip r:embed="rId3"/>
            <a:stretch>
              <a:fillRect/>
            </a:stretch>
          </a:blipFill>
        </p:spPr>
        <p:txBody>
          <a:bodyPr/>
          <a:lstStyle>
            <a:lvl1pPr marL="0" indent="0">
              <a:buNone/>
              <a:defRPr sz="100">
                <a:noFill/>
              </a:defRPr>
            </a:lvl1pPr>
          </a:lstStyle>
          <a:p>
            <a:pPr lvl="0"/>
            <a:r>
              <a:rPr lang="en-GB"/>
              <a:t>Click to edit Master text styles</a:t>
            </a:r>
          </a:p>
        </p:txBody>
      </p:sp>
      <p:sp>
        <p:nvSpPr>
          <p:cNvPr id="28674" name="Rectangle 3"/>
          <p:cNvSpPr>
            <a:spLocks noGrp="1" noChangeArrowheads="1"/>
          </p:cNvSpPr>
          <p:nvPr>
            <p:ph type="subTitle" idx="1"/>
          </p:nvPr>
        </p:nvSpPr>
        <p:spPr bwMode="black">
          <a:xfrm>
            <a:off x="7641664" y="4149080"/>
            <a:ext cx="4156800" cy="1213200"/>
          </a:xfrm>
        </p:spPr>
        <p:txBody>
          <a:bodyPr/>
          <a:lstStyle>
            <a:lvl1pPr marL="0" indent="0" algn="r">
              <a:buFontTx/>
              <a:buNone/>
              <a:defRPr sz="2000" smtClean="0">
                <a:solidFill>
                  <a:schemeClr val="tx1"/>
                </a:solidFill>
                <a:latin typeface="+mn-lt"/>
              </a:defRPr>
            </a:lvl1pPr>
          </a:lstStyle>
          <a:p>
            <a:r>
              <a:rPr lang="en-GB"/>
              <a:t>Click to edit Master subtitle style</a:t>
            </a:r>
            <a:endParaRPr lang="en-GB" dirty="0"/>
          </a:p>
        </p:txBody>
      </p:sp>
      <p:sp>
        <p:nvSpPr>
          <p:cNvPr id="28675" name="Rectangle 9"/>
          <p:cNvSpPr>
            <a:spLocks noGrp="1" noChangeArrowheads="1"/>
          </p:cNvSpPr>
          <p:nvPr>
            <p:ph type="ctrTitle"/>
          </p:nvPr>
        </p:nvSpPr>
        <p:spPr bwMode="black">
          <a:xfrm>
            <a:off x="6672064" y="2564904"/>
            <a:ext cx="5126400" cy="1501200"/>
          </a:xfrm>
        </p:spPr>
        <p:txBody>
          <a:bodyPr/>
          <a:lstStyle>
            <a:lvl1pPr algn="r">
              <a:defRPr sz="3200" smtClean="0">
                <a:solidFill>
                  <a:srgbClr val="A80C35"/>
                </a:solidFill>
                <a:latin typeface="+mj-lt"/>
              </a:defRPr>
            </a:lvl1pPr>
          </a:lstStyle>
          <a:p>
            <a:r>
              <a:rPr lang="en-GB"/>
              <a:t>Click to edit Master title style</a:t>
            </a:r>
            <a:endParaRPr lang="en-GB" dirty="0"/>
          </a:p>
        </p:txBody>
      </p:sp>
      <p:sp>
        <p:nvSpPr>
          <p:cNvPr id="11" name="AwardImage3" descr="{&quot;templafy&quot;:{&quot;id&quot;:&quot;7e1a0ad4-7cdf-4b8c-aee3-397fcc13ca3c&quot;}}" title="UserProfile.DisclaimerBD.Brandsignoffinsert">
            <a:extLst>
              <a:ext uri="{FF2B5EF4-FFF2-40B4-BE49-F238E27FC236}">
                <a16:creationId xmlns:a16="http://schemas.microsoft.com/office/drawing/2014/main" id="{925D7A04-9AB7-465B-A3A6-A671774EBF5D}"/>
              </a:ext>
            </a:extLst>
          </p:cNvPr>
          <p:cNvSpPr/>
          <p:nvPr userDrawn="1"/>
        </p:nvSpPr>
        <p:spPr bwMode="auto">
          <a:xfrm>
            <a:off x="8328248" y="6021287"/>
            <a:ext cx="3470216" cy="60972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r" defTabSz="914400" rtl="0" eaLnBrk="0" fontAlgn="base" latinLnBrk="0" hangingPunct="0">
              <a:lnSpc>
                <a:spcPct val="100000"/>
              </a:lnSpc>
              <a:spcBef>
                <a:spcPct val="0"/>
              </a:spcBef>
              <a:spcAft>
                <a:spcPct val="0"/>
              </a:spcAft>
              <a:buClrTx/>
              <a:buSzTx/>
              <a:buFontTx/>
              <a:buNone/>
              <a:tabLst/>
            </a:pPr>
            <a:r>
              <a:rPr kumimoji="0" lang="en-GB" sz="900" b="1" i="0" u="none" strike="noStrike" kern="1000" cap="all" normalizeH="0" baseline="0" dirty="0">
                <a:ln>
                  <a:noFill/>
                </a:ln>
                <a:solidFill>
                  <a:schemeClr val="tx1"/>
                </a:solidFill>
                <a:effectLst/>
                <a:latin typeface="+mj-lt"/>
                <a:ea typeface="ＭＳ Ｐゴシック" pitchFamily="-128" charset="-128"/>
              </a:rPr>
              <a:t>A purpose-led professional services business with law at the core</a:t>
            </a:r>
            <a:endParaRPr lang="en-GB"/>
          </a:p>
        </p:txBody>
      </p:sp>
      <p:pic>
        <p:nvPicPr>
          <p:cNvPr id="1788918579" name="LogoImage" descr="{&quot;templafy&quot;:{&quot;id&quot;:&quot;24164b49-c68c-4352-bce4-0a1e8c5bd7b8&quot;}}"/>
          <p:cNvPicPr>
            <a:picLocks noChangeAspect="1"/>
          </p:cNvPicPr>
          <p:nvPr/>
        </p:nvPicPr>
        <p:blipFill>
          <a:blip r:embed="rId4"/>
          <a:stretch>
            <a:fillRect/>
          </a:stretch>
        </p:blipFill>
        <p:spPr>
          <a:xfrm>
            <a:off x="9939600" y="547200"/>
            <a:ext cx="1440000" cy="643294"/>
          </a:xfrm>
          <a:prstGeom prst="rect">
            <a:avLst/>
          </a:prstGeom>
        </p:spPr>
      </p:pic>
      <p:pic>
        <p:nvPicPr>
          <p:cNvPr id="1867760204" name="AwardImage" descr="{&quot;templafy&quot;:{&quot;id&quot;:&quot;bb01311d-b114-4f2d-871b-37df513f4f69&quot;}}"/>
          <p:cNvPicPr>
            <a:picLocks noChangeAspect="1"/>
          </p:cNvPicPr>
          <p:nvPr/>
        </p:nvPicPr>
        <p:blipFill>
          <a:blip r:embed="rId5"/>
          <a:stretch>
            <a:fillRect/>
          </a:stretch>
        </p:blipFill>
        <p:spPr>
          <a:xfrm>
            <a:off x="540000" y="640800"/>
            <a:ext cx="2380881" cy="360000"/>
          </a:xfrm>
          <a:prstGeom prst="rect">
            <a:avLst/>
          </a:prstGeom>
        </p:spPr>
      </p:pic>
      <p:pic>
        <p:nvPicPr>
          <p:cNvPr id="1080318483" name="AwardImage2" descr="{&quot;templafy&quot;:{&quot;id&quot;:&quot;60d28f42-eee1-400a-8485-0f7e5d3d9248&quot;}}"/>
          <p:cNvPicPr>
            <a:picLocks noChangeAspect="1"/>
          </p:cNvPicPr>
          <p:nvPr/>
        </p:nvPicPr>
        <p:blipFill>
          <a:blip r:embed="rId6"/>
          <a:stretch>
            <a:fillRect/>
          </a:stretch>
        </p:blipFill>
        <p:spPr>
          <a:xfrm>
            <a:off x="2495760" y="640800"/>
            <a:ext cx="2095385" cy="360000"/>
          </a:xfrm>
          <a:prstGeom prst="rect">
            <a:avLst/>
          </a:prstGeom>
        </p:spPr>
      </p:pic>
    </p:spTree>
    <p:custDataLst>
      <p:tags r:id="rId1"/>
    </p:custDataLst>
    <p:extLst>
      <p:ext uri="{BB962C8B-B14F-4D97-AF65-F5344CB8AC3E}">
        <p14:creationId xmlns:p14="http://schemas.microsoft.com/office/powerpoint/2010/main" val="163341900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3" name="Picture Placeholder 2"/>
          <p:cNvSpPr>
            <a:spLocks noGrp="1"/>
          </p:cNvSpPr>
          <p:nvPr>
            <p:ph type="pic" idx="1"/>
          </p:nvPr>
        </p:nvSpPr>
        <p:spPr>
          <a:xfrm>
            <a:off x="2389717" y="1395141"/>
            <a:ext cx="7315200" cy="4198026"/>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lvl="0"/>
            <a:r>
              <a:rPr lang="en-GB" noProof="0"/>
              <a:t>Click icon to add picture</a:t>
            </a:r>
            <a:endParaRPr lang="en-GB" noProof="0" dirty="0"/>
          </a:p>
        </p:txBody>
      </p:sp>
      <p:sp>
        <p:nvSpPr>
          <p:cNvPr id="4" name="Text Placeholder 3"/>
          <p:cNvSpPr>
            <a:spLocks noGrp="1"/>
          </p:cNvSpPr>
          <p:nvPr>
            <p:ph type="body" sz="half" idx="2"/>
          </p:nvPr>
        </p:nvSpPr>
        <p:spPr>
          <a:xfrm>
            <a:off x="2389717" y="5593167"/>
            <a:ext cx="7315200" cy="1071570"/>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GB"/>
              <a:t>Click to edit Master text styles</a:t>
            </a:r>
          </a:p>
        </p:txBody>
      </p:sp>
      <p:sp>
        <p:nvSpPr>
          <p:cNvPr id="5" name="Rectangle 11"/>
          <p:cNvSpPr>
            <a:spLocks noGrp="1" noChangeArrowheads="1"/>
          </p:cNvSpPr>
          <p:nvPr>
            <p:ph type="sldNum" sz="quarter" idx="10"/>
          </p:nvPr>
        </p:nvSpPr>
        <p:spPr>
          <a:ln/>
        </p:spPr>
        <p:txBody>
          <a:bodyPr/>
          <a:lstStyle>
            <a:lvl1pPr>
              <a:defRPr/>
            </a:lvl1pPr>
          </a:lstStyle>
          <a:p>
            <a:pPr>
              <a:defRPr/>
            </a:pPr>
            <a:fld id="{5E586BD8-4928-4825-9C86-6DDE1FD8CC1B}" type="slidenum">
              <a:rPr lang="en-GB"/>
              <a:pPr>
                <a:defRPr/>
              </a:pPr>
              <a:t>‹#›</a:t>
            </a:fld>
            <a:endParaRPr lang="en-GB"/>
          </a:p>
        </p:txBody>
      </p:sp>
      <p:sp>
        <p:nvSpPr>
          <p:cNvPr id="7" name="Title 1">
            <a:extLst>
              <a:ext uri="{FF2B5EF4-FFF2-40B4-BE49-F238E27FC236}">
                <a16:creationId xmlns:a16="http://schemas.microsoft.com/office/drawing/2014/main" id="{1CDC41EE-2523-486D-8D13-12150D45D1B4}"/>
              </a:ext>
            </a:extLst>
          </p:cNvPr>
          <p:cNvSpPr>
            <a:spLocks noGrp="1"/>
          </p:cNvSpPr>
          <p:nvPr>
            <p:ph type="title"/>
          </p:nvPr>
        </p:nvSpPr>
        <p:spPr>
          <a:xfrm>
            <a:off x="407368" y="351883"/>
            <a:ext cx="11377264" cy="914400"/>
          </a:xfrm>
        </p:spPr>
        <p:txBody>
          <a:bodyPr/>
          <a:lstStyle>
            <a:lvl1pPr>
              <a:defRPr/>
            </a:lvl1pPr>
          </a:lstStyle>
          <a:p>
            <a:r>
              <a:rPr lang="en-GB"/>
              <a:t>Click to edit Master title style</a:t>
            </a:r>
          </a:p>
        </p:txBody>
      </p:sp>
    </p:spTree>
    <p:extLst>
      <p:ext uri="{BB962C8B-B14F-4D97-AF65-F5344CB8AC3E}">
        <p14:creationId xmlns:p14="http://schemas.microsoft.com/office/powerpoint/2010/main" val="39650360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mbstones">
    <p:spTree>
      <p:nvGrpSpPr>
        <p:cNvPr id="1" name=""/>
        <p:cNvGrpSpPr/>
        <p:nvPr/>
      </p:nvGrpSpPr>
      <p:grpSpPr>
        <a:xfrm>
          <a:off x="0" y="0"/>
          <a:ext cx="0" cy="0"/>
          <a:chOff x="0" y="0"/>
          <a:chExt cx="0" cy="0"/>
        </a:xfrm>
      </p:grpSpPr>
      <p:sp>
        <p:nvSpPr>
          <p:cNvPr id="5" name="Rectangle 11"/>
          <p:cNvSpPr>
            <a:spLocks noGrp="1" noChangeArrowheads="1"/>
          </p:cNvSpPr>
          <p:nvPr>
            <p:ph type="sldNum" sz="quarter" idx="10"/>
          </p:nvPr>
        </p:nvSpPr>
        <p:spPr>
          <a:ln/>
        </p:spPr>
        <p:txBody>
          <a:bodyPr/>
          <a:lstStyle>
            <a:lvl1pPr>
              <a:defRPr/>
            </a:lvl1pPr>
          </a:lstStyle>
          <a:p>
            <a:pPr>
              <a:defRPr/>
            </a:pPr>
            <a:fld id="{04281DE2-0AF6-4B50-9C65-E915ECDDEF45}" type="slidenum">
              <a:rPr lang="en-GB"/>
              <a:pPr>
                <a:defRPr/>
              </a:pPr>
              <a:t>‹#›</a:t>
            </a:fld>
            <a:endParaRPr lang="en-GB" dirty="0"/>
          </a:p>
        </p:txBody>
      </p:sp>
      <p:sp>
        <p:nvSpPr>
          <p:cNvPr id="10" name="SmartArt Placeholder 9"/>
          <p:cNvSpPr>
            <a:spLocks noGrp="1"/>
          </p:cNvSpPr>
          <p:nvPr>
            <p:ph type="dgm" sz="quarter" idx="11"/>
          </p:nvPr>
        </p:nvSpPr>
        <p:spPr>
          <a:xfrm>
            <a:off x="407368" y="1340769"/>
            <a:ext cx="11377264" cy="5323968"/>
          </a:xfrm>
        </p:spPr>
        <p:txBody>
          <a:bodyPr/>
          <a:lstStyle/>
          <a:p>
            <a:pPr lvl="0"/>
            <a:r>
              <a:rPr lang="en-GB" noProof="0"/>
              <a:t>Click icon to add SmartArt graphic</a:t>
            </a:r>
            <a:endParaRPr lang="en-GB" noProof="0" dirty="0"/>
          </a:p>
        </p:txBody>
      </p:sp>
      <p:sp>
        <p:nvSpPr>
          <p:cNvPr id="6" name="Title 1">
            <a:extLst>
              <a:ext uri="{FF2B5EF4-FFF2-40B4-BE49-F238E27FC236}">
                <a16:creationId xmlns:a16="http://schemas.microsoft.com/office/drawing/2014/main" id="{6193A095-FB74-4A08-AD53-CEA62EEDF015}"/>
              </a:ext>
            </a:extLst>
          </p:cNvPr>
          <p:cNvSpPr>
            <a:spLocks noGrp="1"/>
          </p:cNvSpPr>
          <p:nvPr>
            <p:ph type="title"/>
          </p:nvPr>
        </p:nvSpPr>
        <p:spPr>
          <a:xfrm>
            <a:off x="407368" y="351883"/>
            <a:ext cx="11377264" cy="914400"/>
          </a:xfrm>
        </p:spPr>
        <p:txBody>
          <a:bodyPr/>
          <a:lstStyle>
            <a:lvl1pPr>
              <a:defRPr/>
            </a:lvl1pPr>
          </a:lstStyle>
          <a:p>
            <a:r>
              <a:rPr lang="en-GB"/>
              <a:t>Click to edit Master title style</a:t>
            </a:r>
          </a:p>
        </p:txBody>
      </p:sp>
    </p:spTree>
    <p:extLst>
      <p:ext uri="{BB962C8B-B14F-4D97-AF65-F5344CB8AC3E}">
        <p14:creationId xmlns:p14="http://schemas.microsoft.com/office/powerpoint/2010/main" val="3128137457"/>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sclaimer">
    <p:spTree>
      <p:nvGrpSpPr>
        <p:cNvPr id="1" name=""/>
        <p:cNvGrpSpPr/>
        <p:nvPr/>
      </p:nvGrpSpPr>
      <p:grpSpPr>
        <a:xfrm>
          <a:off x="0" y="0"/>
          <a:ext cx="0" cy="0"/>
          <a:chOff x="0" y="0"/>
          <a:chExt cx="0" cy="0"/>
        </a:xfrm>
      </p:grpSpPr>
      <p:sp>
        <p:nvSpPr>
          <p:cNvPr id="8" name="Disclaimer" descr="{&quot;templafy&quot;:{&quot;id&quot;:&quot;b9d2809b-368e-413a-b423-9c2ca40355b0&quot;}}" title="UserProfile.DisclaimerBD.DisclaimerBDInsert_{{DocumentLanguage}}">
            <a:extLst>
              <a:ext uri="{FF2B5EF4-FFF2-40B4-BE49-F238E27FC236}">
                <a16:creationId xmlns:a16="http://schemas.microsoft.com/office/drawing/2014/main" id="{CE1E89EB-F1C5-439A-93BE-9DD3F61E194A}"/>
              </a:ext>
            </a:extLst>
          </p:cNvPr>
          <p:cNvSpPr/>
          <p:nvPr userDrawn="1"/>
        </p:nvSpPr>
        <p:spPr bwMode="auto">
          <a:xfrm>
            <a:off x="323528" y="4941183"/>
            <a:ext cx="11461104" cy="1656169"/>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b"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r>
              <a:rPr kumimoji="0" lang="en-GB" sz="700" b="0" i="0" u="none" strike="noStrike" cap="none" normalizeH="0" baseline="0" dirty="0">
                <a:ln>
                  <a:noFill/>
                </a:ln>
                <a:solidFill>
                  <a:schemeClr val="tx1"/>
                </a:solidFill>
                <a:effectLst/>
                <a:latin typeface="+mn-lt"/>
                <a:ea typeface="ＭＳ Ｐゴシック" pitchFamily="-128" charset="-128"/>
                <a:cs typeface="Arial" panose="020B0604020202020204" pitchFamily="34" charset="0"/>
              </a:rPr>
              <a:t>Pinsent Masons LLP is a limited liability partnership, registered in England and Wales (registered number: OC333653) authorised and regulated by the Solicitors Regulation Authority (registration number: 471972) and the appropriate jurisdictions in which it operates.  Reference to ‘Pinsent Masons’ is to Pinsent Masons LLP and/or one or more of the affiliated entities that practise under the name ‘Pinsent Masons’ as the context requires. The word “partner”, used in relation to the LLP, refers to a member or an employee or consultant of the LLP or any affiliated firm, with equivalent standing.  A list of members of Pinsent Masons, those non-members who are designated as partners, and non-member partners in affiliated entities, is available for inspection at our offices or at www.pinsentmasons.com ©Pinsent Masons
For a full list of the jurisdictions where we operate, see www.pinsentmasons.com</a:t>
            </a:r>
          </a:p>
        </p:txBody>
      </p:sp>
      <p:sp>
        <p:nvSpPr>
          <p:cNvPr id="2" name="Rectangle 1" descr="{&quot;templafy&quot;:{&quot;id&quot;:&quot;26c5ffda-2659-4f38-8bd1-83e867d5721a&quot;}}">
            <a:extLst>
              <a:ext uri="{FF2B5EF4-FFF2-40B4-BE49-F238E27FC236}">
                <a16:creationId xmlns:a16="http://schemas.microsoft.com/office/drawing/2014/main" id="{125A594E-1EA2-D0FA-73C2-F9F12BED65AD}"/>
              </a:ext>
            </a:extLst>
          </p:cNvPr>
          <p:cNvSpPr/>
          <p:nvPr userDrawn="1"/>
        </p:nvSpPr>
        <p:spPr>
          <a:xfrm>
            <a:off x="294013" y="741646"/>
            <a:ext cx="6552728" cy="215444"/>
          </a:xfrm>
          <a:prstGeom prst="rect">
            <a:avLst/>
          </a:prstGeom>
        </p:spPr>
        <p:txBody>
          <a:bodyPr wrap="square">
            <a:noAutofit/>
          </a:bodyPr>
          <a:lstStyle/>
          <a:p>
            <a:endParaRPr lang="en-GB" sz="800" b="1" dirty="0">
              <a:latin typeface="+mn-lt"/>
            </a:endParaRPr>
          </a:p>
        </p:txBody>
      </p:sp>
      <p:sp>
        <p:nvSpPr>
          <p:cNvPr id="4" name="Rectangle 3" descr="{&quot;templafy&quot;:{&quot;id&quot;:&quot;2c812a11-7411-4f27-a16e-f2b954ca260f&quot;}}">
            <a:extLst>
              <a:ext uri="{FF2B5EF4-FFF2-40B4-BE49-F238E27FC236}">
                <a16:creationId xmlns:a16="http://schemas.microsoft.com/office/drawing/2014/main" id="{767723BD-1AB2-4965-A828-98825FF67A0D}"/>
              </a:ext>
            </a:extLst>
          </p:cNvPr>
          <p:cNvSpPr/>
          <p:nvPr userDrawn="1"/>
        </p:nvSpPr>
        <p:spPr>
          <a:xfrm>
            <a:off x="302600" y="526202"/>
            <a:ext cx="6657496" cy="215444"/>
          </a:xfrm>
          <a:prstGeom prst="rect">
            <a:avLst/>
          </a:prstGeom>
        </p:spPr>
        <p:txBody>
          <a:bodyPr wrap="square">
            <a:noAutofit/>
          </a:bodyPr>
          <a:lstStyle/>
          <a:p>
            <a:endParaRPr lang="en-GB" sz="800" b="1" dirty="0">
              <a:latin typeface="+mn-lt"/>
            </a:endParaRPr>
          </a:p>
        </p:txBody>
      </p:sp>
    </p:spTree>
    <p:extLst>
      <p:ext uri="{BB962C8B-B14F-4D97-AF65-F5344CB8AC3E}">
        <p14:creationId xmlns:p14="http://schemas.microsoft.com/office/powerpoint/2010/main" val="1580144575"/>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userDrawn="1">
  <p:cSld name="6bd16c63-a10f-4502-873b-eb753287d4dc">
    <p:spTree>
      <p:nvGrpSpPr>
        <p:cNvPr id="1" name=""/>
        <p:cNvGrpSpPr/>
        <p:nvPr/>
      </p:nvGrpSpPr>
      <p:grpSpPr>
        <a:xfrm>
          <a:off x="0" y="0"/>
          <a:ext cx="0" cy="0"/>
          <a:chOff x="0" y="0"/>
          <a:chExt cx="0" cy="0"/>
        </a:xfrm>
      </p:grpSpPr>
      <p:sp>
        <p:nvSpPr>
          <p:cNvPr id="2" name="Title 1"/>
          <p:cNvSpPr>
            <a:spLocks noGrp="1"/>
          </p:cNvSpPr>
          <p:nvPr>
            <p:ph type="title"/>
          </p:nvPr>
        </p:nvSpPr>
        <p:spPr>
          <a:xfrm>
            <a:off x="541867" y="408500"/>
            <a:ext cx="11074400" cy="914400"/>
          </a:xfrm>
        </p:spPr>
        <p:txBody>
          <a:bodyPr/>
          <a:lstStyle/>
          <a:p>
            <a:r>
              <a:rPr lang="en-US" dirty="0"/>
              <a:t>Click to edit Master title style</a:t>
            </a:r>
            <a:endParaRPr lang="en-GB" dirty="0"/>
          </a:p>
        </p:txBody>
      </p:sp>
      <p:sp>
        <p:nvSpPr>
          <p:cNvPr id="3" name="Content Placeholder 2"/>
          <p:cNvSpPr>
            <a:spLocks noGrp="1"/>
          </p:cNvSpPr>
          <p:nvPr>
            <p:ph idx="1"/>
          </p:nvPr>
        </p:nvSpPr>
        <p:spPr>
          <a:xfrm>
            <a:off x="541867" y="1449288"/>
            <a:ext cx="11040533" cy="4572000"/>
          </a:xfr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Rectangle 11"/>
          <p:cNvSpPr>
            <a:spLocks noGrp="1" noChangeArrowheads="1"/>
          </p:cNvSpPr>
          <p:nvPr>
            <p:ph type="sldNum" sz="quarter" idx="10"/>
          </p:nvPr>
        </p:nvSpPr>
        <p:spPr/>
        <p:txBody>
          <a:bodyPr/>
          <a:lstStyle>
            <a:lvl1pPr>
              <a:defRPr/>
            </a:lvl1pPr>
          </a:lstStyle>
          <a:p>
            <a:pPr>
              <a:defRPr/>
            </a:pPr>
            <a:fld id="{0E808A4E-B55F-4717-AB09-68D98B68A291}" type="slidenum">
              <a:rPr lang="en-GB"/>
              <a:pPr>
                <a:defRPr/>
              </a:pPr>
              <a:t>‹#›</a:t>
            </a:fld>
            <a:endParaRPr lang="en-GB"/>
          </a:p>
        </p:txBody>
      </p:sp>
    </p:spTree>
    <p:extLst>
      <p:ext uri="{BB962C8B-B14F-4D97-AF65-F5344CB8AC3E}">
        <p14:creationId xmlns:p14="http://schemas.microsoft.com/office/powerpoint/2010/main" val="449265482"/>
      </p:ext>
    </p:extLst>
  </p:cSld>
  <p:clrMapOvr>
    <a:masterClrMapping/>
  </p:clrMapOvr>
  <p:extLst>
    <p:ext uri="{DCECCB84-F9BA-43D5-87BE-67443E8EF086}">
      <p15:sldGuideLst xmlns:p15="http://schemas.microsoft.com/office/powerpoint/2012/main">
        <p15:guide id="1" orient="horz" pos="3974">
          <p15:clr>
            <a:srgbClr val="FBAE40"/>
          </p15:clr>
        </p15:guide>
        <p15:guide id="2" pos="384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a:xfrm>
            <a:off x="406400" y="1340768"/>
            <a:ext cx="8353895" cy="5363245"/>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7" name="Picture Placeholder 6">
            <a:extLst>
              <a:ext uri="{FF2B5EF4-FFF2-40B4-BE49-F238E27FC236}">
                <a16:creationId xmlns:a16="http://schemas.microsoft.com/office/drawing/2014/main" id="{858A548B-49E0-42A9-86F7-295E2F135146}"/>
              </a:ext>
            </a:extLst>
          </p:cNvPr>
          <p:cNvSpPr>
            <a:spLocks noGrp="1"/>
          </p:cNvSpPr>
          <p:nvPr>
            <p:ph type="pic" sz="quarter" idx="12" hasCustomPrompt="1"/>
          </p:nvPr>
        </p:nvSpPr>
        <p:spPr bwMode="auto">
          <a:xfrm>
            <a:off x="8167957" y="327314"/>
            <a:ext cx="4024043" cy="6530686"/>
          </a:xfrm>
          <a:custGeom>
            <a:avLst/>
            <a:gdLst>
              <a:gd name="connsiteX0" fmla="*/ 0 w 2268537"/>
              <a:gd name="connsiteY0" fmla="*/ 0 h 6524625"/>
              <a:gd name="connsiteX1" fmla="*/ 1890440 w 2268537"/>
              <a:gd name="connsiteY1" fmla="*/ 0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1585047 w 2268537"/>
              <a:gd name="connsiteY2" fmla="*/ 1070824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9236 h 6533861"/>
              <a:gd name="connsiteX1" fmla="*/ 1216185 w 2268537"/>
              <a:gd name="connsiteY1" fmla="*/ 0 h 6533861"/>
              <a:gd name="connsiteX2" fmla="*/ 1585047 w 2268537"/>
              <a:gd name="connsiteY2" fmla="*/ 1080060 h 6533861"/>
              <a:gd name="connsiteX3" fmla="*/ 2268537 w 2268537"/>
              <a:gd name="connsiteY3" fmla="*/ 6533861 h 6533861"/>
              <a:gd name="connsiteX4" fmla="*/ 0 w 2268537"/>
              <a:gd name="connsiteY4" fmla="*/ 6533861 h 6533861"/>
              <a:gd name="connsiteX5" fmla="*/ 0 w 2268537"/>
              <a:gd name="connsiteY5" fmla="*/ 9236 h 6533861"/>
              <a:gd name="connsiteX0" fmla="*/ 0 w 2243137"/>
              <a:gd name="connsiteY0" fmla="*/ 9236 h 6533861"/>
              <a:gd name="connsiteX1" fmla="*/ 1216185 w 2243137"/>
              <a:gd name="connsiteY1" fmla="*/ 0 h 6533861"/>
              <a:gd name="connsiteX2" fmla="*/ 1585047 w 2243137"/>
              <a:gd name="connsiteY2" fmla="*/ 1080060 h 6533861"/>
              <a:gd name="connsiteX3" fmla="*/ 2243137 w 2243137"/>
              <a:gd name="connsiteY3" fmla="*/ 6533861 h 6533861"/>
              <a:gd name="connsiteX4" fmla="*/ 0 w 2243137"/>
              <a:gd name="connsiteY4" fmla="*/ 6533861 h 6533861"/>
              <a:gd name="connsiteX5" fmla="*/ 0 w 2243137"/>
              <a:gd name="connsiteY5"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60600 w 2260600"/>
              <a:gd name="connsiteY3" fmla="*/ 5587711 h 6533861"/>
              <a:gd name="connsiteX4" fmla="*/ 2243137 w 2260600"/>
              <a:gd name="connsiteY4" fmla="*/ 6533861 h 6533861"/>
              <a:gd name="connsiteX5" fmla="*/ 0 w 2260600"/>
              <a:gd name="connsiteY5" fmla="*/ 6533861 h 6533861"/>
              <a:gd name="connsiteX6" fmla="*/ 0 w 2260600"/>
              <a:gd name="connsiteY6" fmla="*/ 9236 h 6533861"/>
              <a:gd name="connsiteX0" fmla="*/ 0 w 2270649"/>
              <a:gd name="connsiteY0" fmla="*/ 9236 h 6533861"/>
              <a:gd name="connsiteX1" fmla="*/ 1216185 w 2270649"/>
              <a:gd name="connsiteY1" fmla="*/ 0 h 6533861"/>
              <a:gd name="connsiteX2" fmla="*/ 1585047 w 2270649"/>
              <a:gd name="connsiteY2" fmla="*/ 1080060 h 6533861"/>
              <a:gd name="connsiteX3" fmla="*/ 2209800 w 2270649"/>
              <a:gd name="connsiteY3" fmla="*/ 4463761 h 6533861"/>
              <a:gd name="connsiteX4" fmla="*/ 2260600 w 2270649"/>
              <a:gd name="connsiteY4" fmla="*/ 5587711 h 6533861"/>
              <a:gd name="connsiteX5" fmla="*/ 2243137 w 2270649"/>
              <a:gd name="connsiteY5" fmla="*/ 6533861 h 6533861"/>
              <a:gd name="connsiteX6" fmla="*/ 0 w 2270649"/>
              <a:gd name="connsiteY6" fmla="*/ 6533861 h 6533861"/>
              <a:gd name="connsiteX7" fmla="*/ 0 w 2270649"/>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098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73405"/>
              <a:gd name="connsiteY0" fmla="*/ 9236 h 6533861"/>
              <a:gd name="connsiteX1" fmla="*/ 1216185 w 2273405"/>
              <a:gd name="connsiteY1" fmla="*/ 0 h 6533861"/>
              <a:gd name="connsiteX2" fmla="*/ 1585047 w 2273405"/>
              <a:gd name="connsiteY2" fmla="*/ 1080060 h 6533861"/>
              <a:gd name="connsiteX3" fmla="*/ 2235200 w 2273405"/>
              <a:gd name="connsiteY3" fmla="*/ 4463761 h 6533861"/>
              <a:gd name="connsiteX4" fmla="*/ 2260600 w 2273405"/>
              <a:gd name="connsiteY4" fmla="*/ 5587711 h 6533861"/>
              <a:gd name="connsiteX5" fmla="*/ 2243137 w 2273405"/>
              <a:gd name="connsiteY5" fmla="*/ 6533861 h 6533861"/>
              <a:gd name="connsiteX6" fmla="*/ 0 w 2273405"/>
              <a:gd name="connsiteY6" fmla="*/ 6533861 h 6533861"/>
              <a:gd name="connsiteX7" fmla="*/ 0 w 2273405"/>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352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1898650 w 2260600"/>
              <a:gd name="connsiteY3" fmla="*/ 2279361 h 6533861"/>
              <a:gd name="connsiteX4" fmla="*/ 2095500 w 2260600"/>
              <a:gd name="connsiteY4" fmla="*/ 3454111 h 6533861"/>
              <a:gd name="connsiteX5" fmla="*/ 2235200 w 2260600"/>
              <a:gd name="connsiteY5" fmla="*/ 4463761 h 6533861"/>
              <a:gd name="connsiteX6" fmla="*/ 2260600 w 2260600"/>
              <a:gd name="connsiteY6" fmla="*/ 5587711 h 6533861"/>
              <a:gd name="connsiteX7" fmla="*/ 2243137 w 2260600"/>
              <a:gd name="connsiteY7" fmla="*/ 6533861 h 6533861"/>
              <a:gd name="connsiteX8" fmla="*/ 0 w 2260600"/>
              <a:gd name="connsiteY8" fmla="*/ 6533861 h 6533861"/>
              <a:gd name="connsiteX9" fmla="*/ 0 w 2260600"/>
              <a:gd name="connsiteY9" fmla="*/ 9236 h 6533861"/>
              <a:gd name="connsiteX0" fmla="*/ 0 w 3417887"/>
              <a:gd name="connsiteY0" fmla="*/ 9236 h 6546561"/>
              <a:gd name="connsiteX1" fmla="*/ 1216185 w 3417887"/>
              <a:gd name="connsiteY1" fmla="*/ 0 h 6546561"/>
              <a:gd name="connsiteX2" fmla="*/ 1585047 w 3417887"/>
              <a:gd name="connsiteY2" fmla="*/ 1080060 h 6546561"/>
              <a:gd name="connsiteX3" fmla="*/ 1898650 w 3417887"/>
              <a:gd name="connsiteY3" fmla="*/ 2279361 h 6546561"/>
              <a:gd name="connsiteX4" fmla="*/ 2095500 w 3417887"/>
              <a:gd name="connsiteY4" fmla="*/ 3454111 h 6546561"/>
              <a:gd name="connsiteX5" fmla="*/ 2235200 w 3417887"/>
              <a:gd name="connsiteY5" fmla="*/ 4463761 h 6546561"/>
              <a:gd name="connsiteX6" fmla="*/ 2260600 w 3417887"/>
              <a:gd name="connsiteY6" fmla="*/ 5587711 h 6546561"/>
              <a:gd name="connsiteX7" fmla="*/ 3417887 w 3417887"/>
              <a:gd name="connsiteY7" fmla="*/ 6546561 h 6546561"/>
              <a:gd name="connsiteX8" fmla="*/ 0 w 3417887"/>
              <a:gd name="connsiteY8" fmla="*/ 6533861 h 6546561"/>
              <a:gd name="connsiteX9" fmla="*/ 0 w 3417887"/>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2095500 w 3429000"/>
              <a:gd name="connsiteY4" fmla="*/ 3454111 h 6546561"/>
              <a:gd name="connsiteX5" fmla="*/ 2235200 w 3429000"/>
              <a:gd name="connsiteY5" fmla="*/ 44637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2095500 w 3429000"/>
              <a:gd name="connsiteY4" fmla="*/ 345411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2095500 w 3429000"/>
              <a:gd name="connsiteY4" fmla="*/ 345411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24200 w 3429000"/>
              <a:gd name="connsiteY4" fmla="*/ 272386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24200 w 3429000"/>
              <a:gd name="connsiteY4" fmla="*/ 272386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24200 w 3429000"/>
              <a:gd name="connsiteY4" fmla="*/ 272386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62300 w 3429000"/>
              <a:gd name="connsiteY4" fmla="*/ 290801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2946400 w 3429000"/>
              <a:gd name="connsiteY3" fmla="*/ 1904711 h 6546561"/>
              <a:gd name="connsiteX4" fmla="*/ 3162300 w 3429000"/>
              <a:gd name="connsiteY4" fmla="*/ 290801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2601047 w 3429000"/>
              <a:gd name="connsiteY2" fmla="*/ 762560 h 6546561"/>
              <a:gd name="connsiteX3" fmla="*/ 2946400 w 3429000"/>
              <a:gd name="connsiteY3" fmla="*/ 1904711 h 6546561"/>
              <a:gd name="connsiteX4" fmla="*/ 3162300 w 3429000"/>
              <a:gd name="connsiteY4" fmla="*/ 290801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0 h 6537325"/>
              <a:gd name="connsiteX1" fmla="*/ 2333785 w 3429000"/>
              <a:gd name="connsiteY1" fmla="*/ 3464 h 6537325"/>
              <a:gd name="connsiteX2" fmla="*/ 2601047 w 3429000"/>
              <a:gd name="connsiteY2" fmla="*/ 753324 h 6537325"/>
              <a:gd name="connsiteX3" fmla="*/ 2946400 w 3429000"/>
              <a:gd name="connsiteY3" fmla="*/ 1895475 h 6537325"/>
              <a:gd name="connsiteX4" fmla="*/ 3162300 w 3429000"/>
              <a:gd name="connsiteY4" fmla="*/ 2898775 h 6537325"/>
              <a:gd name="connsiteX5" fmla="*/ 3333750 w 3429000"/>
              <a:gd name="connsiteY5" fmla="*/ 3927475 h 6537325"/>
              <a:gd name="connsiteX6" fmla="*/ 3429000 w 3429000"/>
              <a:gd name="connsiteY6" fmla="*/ 5108575 h 6537325"/>
              <a:gd name="connsiteX7" fmla="*/ 3417887 w 3429000"/>
              <a:gd name="connsiteY7" fmla="*/ 6537325 h 6537325"/>
              <a:gd name="connsiteX8" fmla="*/ 0 w 3429000"/>
              <a:gd name="connsiteY8" fmla="*/ 6524625 h 6537325"/>
              <a:gd name="connsiteX9" fmla="*/ 0 w 3429000"/>
              <a:gd name="connsiteY9" fmla="*/ 0 h 6537325"/>
              <a:gd name="connsiteX0" fmla="*/ 0 w 3429000"/>
              <a:gd name="connsiteY0" fmla="*/ 0 h 6537325"/>
              <a:gd name="connsiteX1" fmla="*/ 2333785 w 3429000"/>
              <a:gd name="connsiteY1" fmla="*/ 3464 h 6537325"/>
              <a:gd name="connsiteX2" fmla="*/ 2601047 w 3429000"/>
              <a:gd name="connsiteY2" fmla="*/ 753324 h 6537325"/>
              <a:gd name="connsiteX3" fmla="*/ 2946400 w 3429000"/>
              <a:gd name="connsiteY3" fmla="*/ 1895475 h 6537325"/>
              <a:gd name="connsiteX4" fmla="*/ 3180773 w 3429000"/>
              <a:gd name="connsiteY4" fmla="*/ 2908012 h 6537325"/>
              <a:gd name="connsiteX5" fmla="*/ 3333750 w 3429000"/>
              <a:gd name="connsiteY5" fmla="*/ 3927475 h 6537325"/>
              <a:gd name="connsiteX6" fmla="*/ 3429000 w 3429000"/>
              <a:gd name="connsiteY6" fmla="*/ 5108575 h 6537325"/>
              <a:gd name="connsiteX7" fmla="*/ 3417887 w 3429000"/>
              <a:gd name="connsiteY7" fmla="*/ 6537325 h 6537325"/>
              <a:gd name="connsiteX8" fmla="*/ 0 w 3429000"/>
              <a:gd name="connsiteY8" fmla="*/ 6524625 h 6537325"/>
              <a:gd name="connsiteX9" fmla="*/ 0 w 3429000"/>
              <a:gd name="connsiteY9" fmla="*/ 0 h 6537325"/>
              <a:gd name="connsiteX0" fmla="*/ 0 w 3429000"/>
              <a:gd name="connsiteY0" fmla="*/ 0 h 6537325"/>
              <a:gd name="connsiteX1" fmla="*/ 2333785 w 3429000"/>
              <a:gd name="connsiteY1" fmla="*/ 3464 h 6537325"/>
              <a:gd name="connsiteX2" fmla="*/ 2946400 w 3429000"/>
              <a:gd name="connsiteY2" fmla="*/ 1895475 h 6537325"/>
              <a:gd name="connsiteX3" fmla="*/ 3180773 w 3429000"/>
              <a:gd name="connsiteY3" fmla="*/ 2908012 h 6537325"/>
              <a:gd name="connsiteX4" fmla="*/ 3333750 w 3429000"/>
              <a:gd name="connsiteY4" fmla="*/ 3927475 h 6537325"/>
              <a:gd name="connsiteX5" fmla="*/ 3429000 w 3429000"/>
              <a:gd name="connsiteY5" fmla="*/ 5108575 h 6537325"/>
              <a:gd name="connsiteX6" fmla="*/ 3417887 w 3429000"/>
              <a:gd name="connsiteY6" fmla="*/ 6537325 h 6537325"/>
              <a:gd name="connsiteX7" fmla="*/ 0 w 3429000"/>
              <a:gd name="connsiteY7" fmla="*/ 6524625 h 6537325"/>
              <a:gd name="connsiteX8" fmla="*/ 0 w 3429000"/>
              <a:gd name="connsiteY8" fmla="*/ 0 h 6537325"/>
              <a:gd name="connsiteX0" fmla="*/ 0 w 3429000"/>
              <a:gd name="connsiteY0" fmla="*/ 0 h 6537325"/>
              <a:gd name="connsiteX1" fmla="*/ 2333785 w 3429000"/>
              <a:gd name="connsiteY1" fmla="*/ 3464 h 6537325"/>
              <a:gd name="connsiteX2" fmla="*/ 3180773 w 3429000"/>
              <a:gd name="connsiteY2" fmla="*/ 2908012 h 6537325"/>
              <a:gd name="connsiteX3" fmla="*/ 3333750 w 3429000"/>
              <a:gd name="connsiteY3" fmla="*/ 3927475 h 6537325"/>
              <a:gd name="connsiteX4" fmla="*/ 3429000 w 3429000"/>
              <a:gd name="connsiteY4" fmla="*/ 5108575 h 6537325"/>
              <a:gd name="connsiteX5" fmla="*/ 3417887 w 3429000"/>
              <a:gd name="connsiteY5" fmla="*/ 6537325 h 6537325"/>
              <a:gd name="connsiteX6" fmla="*/ 0 w 3429000"/>
              <a:gd name="connsiteY6" fmla="*/ 6524625 h 6537325"/>
              <a:gd name="connsiteX7" fmla="*/ 0 w 3429000"/>
              <a:gd name="connsiteY7" fmla="*/ 0 h 6537325"/>
              <a:gd name="connsiteX0" fmla="*/ 0 w 3429000"/>
              <a:gd name="connsiteY0" fmla="*/ 0 h 6537325"/>
              <a:gd name="connsiteX1" fmla="*/ 2333785 w 3429000"/>
              <a:gd name="connsiteY1" fmla="*/ 3464 h 6537325"/>
              <a:gd name="connsiteX2" fmla="*/ 3333750 w 3429000"/>
              <a:gd name="connsiteY2" fmla="*/ 3927475 h 6537325"/>
              <a:gd name="connsiteX3" fmla="*/ 3429000 w 3429000"/>
              <a:gd name="connsiteY3" fmla="*/ 5108575 h 6537325"/>
              <a:gd name="connsiteX4" fmla="*/ 3417887 w 3429000"/>
              <a:gd name="connsiteY4" fmla="*/ 6537325 h 6537325"/>
              <a:gd name="connsiteX5" fmla="*/ 0 w 3429000"/>
              <a:gd name="connsiteY5" fmla="*/ 6524625 h 6537325"/>
              <a:gd name="connsiteX6" fmla="*/ 0 w 3429000"/>
              <a:gd name="connsiteY6" fmla="*/ 0 h 6537325"/>
              <a:gd name="connsiteX0" fmla="*/ 0 w 3429000"/>
              <a:gd name="connsiteY0" fmla="*/ 0 h 6537325"/>
              <a:gd name="connsiteX1" fmla="*/ 2333785 w 3429000"/>
              <a:gd name="connsiteY1" fmla="*/ 3464 h 6537325"/>
              <a:gd name="connsiteX2" fmla="*/ 3429000 w 3429000"/>
              <a:gd name="connsiteY2" fmla="*/ 5108575 h 6537325"/>
              <a:gd name="connsiteX3" fmla="*/ 3417887 w 3429000"/>
              <a:gd name="connsiteY3" fmla="*/ 6537325 h 6537325"/>
              <a:gd name="connsiteX4" fmla="*/ 0 w 3429000"/>
              <a:gd name="connsiteY4" fmla="*/ 6524625 h 6537325"/>
              <a:gd name="connsiteX5" fmla="*/ 0 w 3429000"/>
              <a:gd name="connsiteY5" fmla="*/ 0 h 6537325"/>
              <a:gd name="connsiteX0" fmla="*/ 0 w 3417887"/>
              <a:gd name="connsiteY0" fmla="*/ 0 h 6537325"/>
              <a:gd name="connsiteX1" fmla="*/ 2333785 w 3417887"/>
              <a:gd name="connsiteY1" fmla="*/ 3464 h 6537325"/>
              <a:gd name="connsiteX2" fmla="*/ 3417887 w 3417887"/>
              <a:gd name="connsiteY2" fmla="*/ 6537325 h 6537325"/>
              <a:gd name="connsiteX3" fmla="*/ 0 w 3417887"/>
              <a:gd name="connsiteY3" fmla="*/ 6524625 h 6537325"/>
              <a:gd name="connsiteX4" fmla="*/ 0 w 3417887"/>
              <a:gd name="connsiteY4" fmla="*/ 0 h 6537325"/>
              <a:gd name="connsiteX0" fmla="*/ 0 w 3417887"/>
              <a:gd name="connsiteY0" fmla="*/ 0 h 6537325"/>
              <a:gd name="connsiteX1" fmla="*/ 3416998 w 3417887"/>
              <a:gd name="connsiteY1" fmla="*/ 3464 h 6537325"/>
              <a:gd name="connsiteX2" fmla="*/ 3417887 w 3417887"/>
              <a:gd name="connsiteY2" fmla="*/ 6537325 h 6537325"/>
              <a:gd name="connsiteX3" fmla="*/ 0 w 3417887"/>
              <a:gd name="connsiteY3" fmla="*/ 6524625 h 6537325"/>
              <a:gd name="connsiteX4" fmla="*/ 0 w 3417887"/>
              <a:gd name="connsiteY4" fmla="*/ 0 h 6537325"/>
              <a:gd name="connsiteX0" fmla="*/ 42203 w 3417887"/>
              <a:gd name="connsiteY0" fmla="*/ 0 h 6551393"/>
              <a:gd name="connsiteX1" fmla="*/ 3416998 w 3417887"/>
              <a:gd name="connsiteY1" fmla="*/ 17532 h 6551393"/>
              <a:gd name="connsiteX2" fmla="*/ 3417887 w 3417887"/>
              <a:gd name="connsiteY2" fmla="*/ 6551393 h 6551393"/>
              <a:gd name="connsiteX3" fmla="*/ 0 w 3417887"/>
              <a:gd name="connsiteY3" fmla="*/ 6538693 h 6551393"/>
              <a:gd name="connsiteX4" fmla="*/ 42203 w 3417887"/>
              <a:gd name="connsiteY4" fmla="*/ 0 h 6551393"/>
              <a:gd name="connsiteX0" fmla="*/ 0 w 4004334"/>
              <a:gd name="connsiteY0" fmla="*/ 20568 h 6533861"/>
              <a:gd name="connsiteX1" fmla="*/ 4003445 w 4004334"/>
              <a:gd name="connsiteY1" fmla="*/ 0 h 6533861"/>
              <a:gd name="connsiteX2" fmla="*/ 4004334 w 4004334"/>
              <a:gd name="connsiteY2" fmla="*/ 6533861 h 6533861"/>
              <a:gd name="connsiteX3" fmla="*/ 586447 w 4004334"/>
              <a:gd name="connsiteY3" fmla="*/ 6521161 h 6533861"/>
              <a:gd name="connsiteX4" fmla="*/ 0 w 4004334"/>
              <a:gd name="connsiteY4" fmla="*/ 20568 h 6533861"/>
              <a:gd name="connsiteX0" fmla="*/ 0 w 4004334"/>
              <a:gd name="connsiteY0" fmla="*/ 0 h 6513293"/>
              <a:gd name="connsiteX1" fmla="*/ 3993920 w 4004334"/>
              <a:gd name="connsiteY1" fmla="*/ 8007 h 6513293"/>
              <a:gd name="connsiteX2" fmla="*/ 4004334 w 4004334"/>
              <a:gd name="connsiteY2" fmla="*/ 6513293 h 6513293"/>
              <a:gd name="connsiteX3" fmla="*/ 586447 w 4004334"/>
              <a:gd name="connsiteY3" fmla="*/ 6500593 h 6513293"/>
              <a:gd name="connsiteX4" fmla="*/ 0 w 4004334"/>
              <a:gd name="connsiteY4" fmla="*/ 0 h 6513293"/>
              <a:gd name="connsiteX0" fmla="*/ 0 w 4013859"/>
              <a:gd name="connsiteY0" fmla="*/ 0 h 6522818"/>
              <a:gd name="connsiteX1" fmla="*/ 4003445 w 4013859"/>
              <a:gd name="connsiteY1" fmla="*/ 17532 h 6522818"/>
              <a:gd name="connsiteX2" fmla="*/ 4013859 w 4013859"/>
              <a:gd name="connsiteY2" fmla="*/ 6522818 h 6522818"/>
              <a:gd name="connsiteX3" fmla="*/ 595972 w 4013859"/>
              <a:gd name="connsiteY3" fmla="*/ 6510118 h 6522818"/>
              <a:gd name="connsiteX4" fmla="*/ 0 w 4013859"/>
              <a:gd name="connsiteY4" fmla="*/ 0 h 6522818"/>
              <a:gd name="connsiteX0" fmla="*/ 0 w 4013859"/>
              <a:gd name="connsiteY0" fmla="*/ 0 h 6522818"/>
              <a:gd name="connsiteX1" fmla="*/ 4003445 w 4013859"/>
              <a:gd name="connsiteY1" fmla="*/ 17532 h 6522818"/>
              <a:gd name="connsiteX2" fmla="*/ 4013859 w 4013859"/>
              <a:gd name="connsiteY2" fmla="*/ 6522818 h 6522818"/>
              <a:gd name="connsiteX3" fmla="*/ 595972 w 4013859"/>
              <a:gd name="connsiteY3" fmla="*/ 6510118 h 6522818"/>
              <a:gd name="connsiteX4" fmla="*/ 0 w 4013859"/>
              <a:gd name="connsiteY4" fmla="*/ 0 h 6522818"/>
              <a:gd name="connsiteX0" fmla="*/ 0 w 3994809"/>
              <a:gd name="connsiteY0" fmla="*/ 0 h 6513293"/>
              <a:gd name="connsiteX1" fmla="*/ 3984395 w 3994809"/>
              <a:gd name="connsiteY1" fmla="*/ 8007 h 6513293"/>
              <a:gd name="connsiteX2" fmla="*/ 3994809 w 3994809"/>
              <a:gd name="connsiteY2" fmla="*/ 6513293 h 6513293"/>
              <a:gd name="connsiteX3" fmla="*/ 576922 w 3994809"/>
              <a:gd name="connsiteY3" fmla="*/ 6500593 h 6513293"/>
              <a:gd name="connsiteX4" fmla="*/ 0 w 3994809"/>
              <a:gd name="connsiteY4" fmla="*/ 0 h 6513293"/>
              <a:gd name="connsiteX0" fmla="*/ 0 w 3994809"/>
              <a:gd name="connsiteY0" fmla="*/ 0 h 6513293"/>
              <a:gd name="connsiteX1" fmla="*/ 3984395 w 3994809"/>
              <a:gd name="connsiteY1" fmla="*/ 8007 h 6513293"/>
              <a:gd name="connsiteX2" fmla="*/ 3994809 w 3994809"/>
              <a:gd name="connsiteY2" fmla="*/ 6513293 h 6513293"/>
              <a:gd name="connsiteX3" fmla="*/ 576922 w 3994809"/>
              <a:gd name="connsiteY3" fmla="*/ 6500593 h 6513293"/>
              <a:gd name="connsiteX4" fmla="*/ 0 w 3994809"/>
              <a:gd name="connsiteY4" fmla="*/ 0 h 6513293"/>
              <a:gd name="connsiteX0" fmla="*/ 0 w 4003451"/>
              <a:gd name="connsiteY0" fmla="*/ 1518 h 6514811"/>
              <a:gd name="connsiteX1" fmla="*/ 4003445 w 4003451"/>
              <a:gd name="connsiteY1" fmla="*/ 0 h 6514811"/>
              <a:gd name="connsiteX2" fmla="*/ 3994809 w 4003451"/>
              <a:gd name="connsiteY2" fmla="*/ 6514811 h 6514811"/>
              <a:gd name="connsiteX3" fmla="*/ 576922 w 4003451"/>
              <a:gd name="connsiteY3" fmla="*/ 6502111 h 6514811"/>
              <a:gd name="connsiteX4" fmla="*/ 0 w 4003451"/>
              <a:gd name="connsiteY4" fmla="*/ 1518 h 6514811"/>
              <a:gd name="connsiteX0" fmla="*/ 0 w 4003451"/>
              <a:gd name="connsiteY0" fmla="*/ 1518 h 6530686"/>
              <a:gd name="connsiteX1" fmla="*/ 4003445 w 4003451"/>
              <a:gd name="connsiteY1" fmla="*/ 0 h 6530686"/>
              <a:gd name="connsiteX2" fmla="*/ 3994809 w 4003451"/>
              <a:gd name="connsiteY2" fmla="*/ 6514811 h 6530686"/>
              <a:gd name="connsiteX3" fmla="*/ 643597 w 4003451"/>
              <a:gd name="connsiteY3" fmla="*/ 6530686 h 6530686"/>
              <a:gd name="connsiteX4" fmla="*/ 0 w 4003451"/>
              <a:gd name="connsiteY4" fmla="*/ 1518 h 6530686"/>
              <a:gd name="connsiteX0" fmla="*/ 0 w 4003448"/>
              <a:gd name="connsiteY0" fmla="*/ 1518 h 6543386"/>
              <a:gd name="connsiteX1" fmla="*/ 4003445 w 4003448"/>
              <a:gd name="connsiteY1" fmla="*/ 0 h 6543386"/>
              <a:gd name="connsiteX2" fmla="*/ 3985284 w 4003448"/>
              <a:gd name="connsiteY2" fmla="*/ 6543386 h 6543386"/>
              <a:gd name="connsiteX3" fmla="*/ 643597 w 4003448"/>
              <a:gd name="connsiteY3" fmla="*/ 6530686 h 6543386"/>
              <a:gd name="connsiteX4" fmla="*/ 0 w 4003448"/>
              <a:gd name="connsiteY4" fmla="*/ 1518 h 6543386"/>
              <a:gd name="connsiteX0" fmla="*/ 0 w 4003448"/>
              <a:gd name="connsiteY0" fmla="*/ 1518 h 6533861"/>
              <a:gd name="connsiteX1" fmla="*/ 4003445 w 4003448"/>
              <a:gd name="connsiteY1" fmla="*/ 0 h 6533861"/>
              <a:gd name="connsiteX2" fmla="*/ 3985284 w 4003448"/>
              <a:gd name="connsiteY2" fmla="*/ 6533861 h 6533861"/>
              <a:gd name="connsiteX3" fmla="*/ 643597 w 4003448"/>
              <a:gd name="connsiteY3" fmla="*/ 6530686 h 6533861"/>
              <a:gd name="connsiteX4" fmla="*/ 0 w 4003448"/>
              <a:gd name="connsiteY4"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643597 w 4003448"/>
              <a:gd name="connsiteY3" fmla="*/ 6530686 h 6533861"/>
              <a:gd name="connsiteX4" fmla="*/ 403583 w 4003448"/>
              <a:gd name="connsiteY4" fmla="*/ 4127334 h 6533861"/>
              <a:gd name="connsiteX5" fmla="*/ 0 w 4003448"/>
              <a:gd name="connsiteY5"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643597 w 4003448"/>
              <a:gd name="connsiteY3" fmla="*/ 6530686 h 6533861"/>
              <a:gd name="connsiteX4" fmla="*/ 1765658 w 4003448"/>
              <a:gd name="connsiteY4" fmla="*/ 3717759 h 6533861"/>
              <a:gd name="connsiteX5" fmla="*/ 0 w 4003448"/>
              <a:gd name="connsiteY5"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1738972 w 4003448"/>
              <a:gd name="connsiteY3" fmla="*/ 6530686 h 6533861"/>
              <a:gd name="connsiteX4" fmla="*/ 1765658 w 4003448"/>
              <a:gd name="connsiteY4" fmla="*/ 3717759 h 6533861"/>
              <a:gd name="connsiteX5" fmla="*/ 0 w 4003448"/>
              <a:gd name="connsiteY5"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1738972 w 4003448"/>
              <a:gd name="connsiteY3" fmla="*/ 6530686 h 6533861"/>
              <a:gd name="connsiteX4" fmla="*/ 1765658 w 4003448"/>
              <a:gd name="connsiteY4" fmla="*/ 3717759 h 6533861"/>
              <a:gd name="connsiteX5" fmla="*/ 0 w 4003448"/>
              <a:gd name="connsiteY5"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1738972 w 4003448"/>
              <a:gd name="connsiteY3" fmla="*/ 6530686 h 6533861"/>
              <a:gd name="connsiteX4" fmla="*/ 1765658 w 4003448"/>
              <a:gd name="connsiteY4" fmla="*/ 3717759 h 6533861"/>
              <a:gd name="connsiteX5" fmla="*/ 0 w 4003448"/>
              <a:gd name="connsiteY5"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1755448 w 4003448"/>
              <a:gd name="connsiteY3" fmla="*/ 6530686 h 6533861"/>
              <a:gd name="connsiteX4" fmla="*/ 1765658 w 4003448"/>
              <a:gd name="connsiteY4" fmla="*/ 3717759 h 6533861"/>
              <a:gd name="connsiteX5" fmla="*/ 0 w 4003448"/>
              <a:gd name="connsiteY5"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1755448 w 4003448"/>
              <a:gd name="connsiteY3" fmla="*/ 6530686 h 6533861"/>
              <a:gd name="connsiteX4" fmla="*/ 1765658 w 4003448"/>
              <a:gd name="connsiteY4" fmla="*/ 3717759 h 6533861"/>
              <a:gd name="connsiteX5" fmla="*/ 0 w 4003448"/>
              <a:gd name="connsiteY5"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1755448 w 4003448"/>
              <a:gd name="connsiteY3" fmla="*/ 6530686 h 6533861"/>
              <a:gd name="connsiteX4" fmla="*/ 1765658 w 4003448"/>
              <a:gd name="connsiteY4" fmla="*/ 3717759 h 6533861"/>
              <a:gd name="connsiteX5" fmla="*/ 0 w 4003448"/>
              <a:gd name="connsiteY5"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1755448 w 4003448"/>
              <a:gd name="connsiteY3" fmla="*/ 6530686 h 6533861"/>
              <a:gd name="connsiteX4" fmla="*/ 1765658 w 4003448"/>
              <a:gd name="connsiteY4" fmla="*/ 3717759 h 6533861"/>
              <a:gd name="connsiteX5" fmla="*/ 0 w 4003448"/>
              <a:gd name="connsiteY5" fmla="*/ 1518 h 6533861"/>
              <a:gd name="connsiteX0" fmla="*/ 0 w 4003448"/>
              <a:gd name="connsiteY0" fmla="*/ 1518 h 6533861"/>
              <a:gd name="connsiteX1" fmla="*/ 4003445 w 4003448"/>
              <a:gd name="connsiteY1" fmla="*/ 0 h 6533861"/>
              <a:gd name="connsiteX2" fmla="*/ 3985284 w 4003448"/>
              <a:gd name="connsiteY2" fmla="*/ 6533861 h 6533861"/>
              <a:gd name="connsiteX3" fmla="*/ 1755448 w 4003448"/>
              <a:gd name="connsiteY3" fmla="*/ 6530686 h 6533861"/>
              <a:gd name="connsiteX4" fmla="*/ 1765658 w 4003448"/>
              <a:gd name="connsiteY4" fmla="*/ 3717759 h 6533861"/>
              <a:gd name="connsiteX5" fmla="*/ 0 w 4003448"/>
              <a:gd name="connsiteY5" fmla="*/ 1518 h 6533861"/>
              <a:gd name="connsiteX0" fmla="*/ 0 w 4028161"/>
              <a:gd name="connsiteY0" fmla="*/ 1518 h 6533861"/>
              <a:gd name="connsiteX1" fmla="*/ 4028158 w 4028161"/>
              <a:gd name="connsiteY1" fmla="*/ 0 h 6533861"/>
              <a:gd name="connsiteX2" fmla="*/ 4009997 w 4028161"/>
              <a:gd name="connsiteY2" fmla="*/ 6533861 h 6533861"/>
              <a:gd name="connsiteX3" fmla="*/ 1780161 w 4028161"/>
              <a:gd name="connsiteY3" fmla="*/ 6530686 h 6533861"/>
              <a:gd name="connsiteX4" fmla="*/ 1790371 w 4028161"/>
              <a:gd name="connsiteY4" fmla="*/ 3717759 h 6533861"/>
              <a:gd name="connsiteX5" fmla="*/ 0 w 4028161"/>
              <a:gd name="connsiteY5" fmla="*/ 1518 h 6533861"/>
              <a:gd name="connsiteX0" fmla="*/ 0 w 4028161"/>
              <a:gd name="connsiteY0" fmla="*/ 1518 h 6533861"/>
              <a:gd name="connsiteX1" fmla="*/ 4028158 w 4028161"/>
              <a:gd name="connsiteY1" fmla="*/ 0 h 6533861"/>
              <a:gd name="connsiteX2" fmla="*/ 4009997 w 4028161"/>
              <a:gd name="connsiteY2" fmla="*/ 6533861 h 6533861"/>
              <a:gd name="connsiteX3" fmla="*/ 1780161 w 4028161"/>
              <a:gd name="connsiteY3" fmla="*/ 6530686 h 6533861"/>
              <a:gd name="connsiteX4" fmla="*/ 1790371 w 4028161"/>
              <a:gd name="connsiteY4" fmla="*/ 3717759 h 6533861"/>
              <a:gd name="connsiteX5" fmla="*/ 0 w 4028161"/>
              <a:gd name="connsiteY5" fmla="*/ 1518 h 6533861"/>
              <a:gd name="connsiteX0" fmla="*/ 0 w 4028160"/>
              <a:gd name="connsiteY0" fmla="*/ 1518 h 6530686"/>
              <a:gd name="connsiteX1" fmla="*/ 4028158 w 4028160"/>
              <a:gd name="connsiteY1" fmla="*/ 0 h 6530686"/>
              <a:gd name="connsiteX2" fmla="*/ 4005878 w 4028160"/>
              <a:gd name="connsiteY2" fmla="*/ 6525623 h 6530686"/>
              <a:gd name="connsiteX3" fmla="*/ 1780161 w 4028160"/>
              <a:gd name="connsiteY3" fmla="*/ 6530686 h 6530686"/>
              <a:gd name="connsiteX4" fmla="*/ 1790371 w 4028160"/>
              <a:gd name="connsiteY4" fmla="*/ 3717759 h 6530686"/>
              <a:gd name="connsiteX5" fmla="*/ 0 w 4028160"/>
              <a:gd name="connsiteY5" fmla="*/ 1518 h 6530686"/>
              <a:gd name="connsiteX0" fmla="*/ 0 w 4028160"/>
              <a:gd name="connsiteY0" fmla="*/ 1518 h 6533861"/>
              <a:gd name="connsiteX1" fmla="*/ 4028158 w 4028160"/>
              <a:gd name="connsiteY1" fmla="*/ 0 h 6533861"/>
              <a:gd name="connsiteX2" fmla="*/ 4005878 w 4028160"/>
              <a:gd name="connsiteY2" fmla="*/ 6533861 h 6533861"/>
              <a:gd name="connsiteX3" fmla="*/ 1780161 w 4028160"/>
              <a:gd name="connsiteY3" fmla="*/ 6530686 h 6533861"/>
              <a:gd name="connsiteX4" fmla="*/ 1790371 w 4028160"/>
              <a:gd name="connsiteY4" fmla="*/ 3717759 h 6533861"/>
              <a:gd name="connsiteX5" fmla="*/ 0 w 4028160"/>
              <a:gd name="connsiteY5" fmla="*/ 1518 h 6533861"/>
              <a:gd name="connsiteX0" fmla="*/ 0 w 4028160"/>
              <a:gd name="connsiteY0" fmla="*/ 1518 h 6533861"/>
              <a:gd name="connsiteX1" fmla="*/ 4028158 w 4028160"/>
              <a:gd name="connsiteY1" fmla="*/ 0 h 6533861"/>
              <a:gd name="connsiteX2" fmla="*/ 4001759 w 4028160"/>
              <a:gd name="connsiteY2" fmla="*/ 6533861 h 6533861"/>
              <a:gd name="connsiteX3" fmla="*/ 1780161 w 4028160"/>
              <a:gd name="connsiteY3" fmla="*/ 6530686 h 6533861"/>
              <a:gd name="connsiteX4" fmla="*/ 1790371 w 4028160"/>
              <a:gd name="connsiteY4" fmla="*/ 3717759 h 6533861"/>
              <a:gd name="connsiteX5" fmla="*/ 0 w 4028160"/>
              <a:gd name="connsiteY5" fmla="*/ 1518 h 6533861"/>
              <a:gd name="connsiteX0" fmla="*/ 0 w 4028160"/>
              <a:gd name="connsiteY0" fmla="*/ 1518 h 6530686"/>
              <a:gd name="connsiteX1" fmla="*/ 4028158 w 4028160"/>
              <a:gd name="connsiteY1" fmla="*/ 0 h 6530686"/>
              <a:gd name="connsiteX2" fmla="*/ 4005878 w 4028160"/>
              <a:gd name="connsiteY2" fmla="*/ 6525623 h 6530686"/>
              <a:gd name="connsiteX3" fmla="*/ 1780161 w 4028160"/>
              <a:gd name="connsiteY3" fmla="*/ 6530686 h 6530686"/>
              <a:gd name="connsiteX4" fmla="*/ 1790371 w 4028160"/>
              <a:gd name="connsiteY4" fmla="*/ 3717759 h 6530686"/>
              <a:gd name="connsiteX5" fmla="*/ 0 w 4028160"/>
              <a:gd name="connsiteY5" fmla="*/ 1518 h 6530686"/>
              <a:gd name="connsiteX0" fmla="*/ 0 w 4028161"/>
              <a:gd name="connsiteY0" fmla="*/ 1518 h 6530686"/>
              <a:gd name="connsiteX1" fmla="*/ 4028158 w 4028161"/>
              <a:gd name="connsiteY1" fmla="*/ 0 h 6530686"/>
              <a:gd name="connsiteX2" fmla="*/ 4009997 w 4028161"/>
              <a:gd name="connsiteY2" fmla="*/ 6529742 h 6530686"/>
              <a:gd name="connsiteX3" fmla="*/ 1780161 w 4028161"/>
              <a:gd name="connsiteY3" fmla="*/ 6530686 h 6530686"/>
              <a:gd name="connsiteX4" fmla="*/ 1790371 w 4028161"/>
              <a:gd name="connsiteY4" fmla="*/ 3717759 h 6530686"/>
              <a:gd name="connsiteX5" fmla="*/ 0 w 4028161"/>
              <a:gd name="connsiteY5" fmla="*/ 1518 h 6530686"/>
              <a:gd name="connsiteX0" fmla="*/ 0 w 4011708"/>
              <a:gd name="connsiteY0" fmla="*/ 0 h 6529168"/>
              <a:gd name="connsiteX1" fmla="*/ 4011682 w 4011708"/>
              <a:gd name="connsiteY1" fmla="*/ 2601 h 6529168"/>
              <a:gd name="connsiteX2" fmla="*/ 4009997 w 4011708"/>
              <a:gd name="connsiteY2" fmla="*/ 6528224 h 6529168"/>
              <a:gd name="connsiteX3" fmla="*/ 1780161 w 4011708"/>
              <a:gd name="connsiteY3" fmla="*/ 6529168 h 6529168"/>
              <a:gd name="connsiteX4" fmla="*/ 1790371 w 4011708"/>
              <a:gd name="connsiteY4" fmla="*/ 3716241 h 6529168"/>
              <a:gd name="connsiteX5" fmla="*/ 0 w 4011708"/>
              <a:gd name="connsiteY5" fmla="*/ 0 h 6529168"/>
              <a:gd name="connsiteX0" fmla="*/ 0 w 4024043"/>
              <a:gd name="connsiteY0" fmla="*/ 1518 h 6530686"/>
              <a:gd name="connsiteX1" fmla="*/ 4024039 w 4024043"/>
              <a:gd name="connsiteY1" fmla="*/ 0 h 6530686"/>
              <a:gd name="connsiteX2" fmla="*/ 4009997 w 4024043"/>
              <a:gd name="connsiteY2" fmla="*/ 6529742 h 6530686"/>
              <a:gd name="connsiteX3" fmla="*/ 1780161 w 4024043"/>
              <a:gd name="connsiteY3" fmla="*/ 6530686 h 6530686"/>
              <a:gd name="connsiteX4" fmla="*/ 1790371 w 4024043"/>
              <a:gd name="connsiteY4" fmla="*/ 3717759 h 6530686"/>
              <a:gd name="connsiteX5" fmla="*/ 0 w 4024043"/>
              <a:gd name="connsiteY5" fmla="*/ 1518 h 6530686"/>
              <a:gd name="connsiteX0" fmla="*/ 0 w 4024043"/>
              <a:gd name="connsiteY0" fmla="*/ 1518 h 6530686"/>
              <a:gd name="connsiteX1" fmla="*/ 4024039 w 4024043"/>
              <a:gd name="connsiteY1" fmla="*/ 0 h 6530686"/>
              <a:gd name="connsiteX2" fmla="*/ 4009997 w 4024043"/>
              <a:gd name="connsiteY2" fmla="*/ 6529742 h 6530686"/>
              <a:gd name="connsiteX3" fmla="*/ 1780161 w 4024043"/>
              <a:gd name="connsiteY3" fmla="*/ 6530686 h 6530686"/>
              <a:gd name="connsiteX4" fmla="*/ 1790371 w 4024043"/>
              <a:gd name="connsiteY4" fmla="*/ 3717759 h 6530686"/>
              <a:gd name="connsiteX5" fmla="*/ 0 w 4024043"/>
              <a:gd name="connsiteY5" fmla="*/ 1518 h 65306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024043" h="6530686">
                <a:moveTo>
                  <a:pt x="0" y="1518"/>
                </a:moveTo>
                <a:lnTo>
                  <a:pt x="4024039" y="0"/>
                </a:lnTo>
                <a:cubicBezTo>
                  <a:pt x="4024335" y="2177954"/>
                  <a:pt x="4009701" y="4351788"/>
                  <a:pt x="4009997" y="6529742"/>
                </a:cubicBezTo>
                <a:lnTo>
                  <a:pt x="1780161" y="6530686"/>
                </a:lnTo>
                <a:cubicBezTo>
                  <a:pt x="2111104" y="5435753"/>
                  <a:pt x="1921519" y="4465931"/>
                  <a:pt x="1790371" y="3717759"/>
                </a:cubicBezTo>
                <a:cubicBezTo>
                  <a:pt x="1444834" y="2005336"/>
                  <a:pt x="337299" y="391768"/>
                  <a:pt x="0" y="1518"/>
                </a:cubicBezTo>
                <a:close/>
              </a:path>
            </a:pathLst>
          </a:custGeom>
          <a:solidFill>
            <a:srgbClr val="93A5B0"/>
          </a:solidFill>
          <a:ln>
            <a:noFill/>
          </a:ln>
        </p:spPr>
        <p:txBody>
          <a:bodyPr/>
          <a:lstStyle>
            <a:lvl1pPr marL="0" indent="0" algn="l">
              <a:buNone/>
              <a:defRPr sz="1600"/>
            </a:lvl1pPr>
          </a:lstStyle>
          <a:p>
            <a:pPr marL="0" marR="0" lvl="0" indent="0" algn="l" defTabSz="914400" rtl="0" eaLnBrk="1" fontAlgn="base" latinLnBrk="0" hangingPunct="1">
              <a:lnSpc>
                <a:spcPct val="100000"/>
              </a:lnSpc>
              <a:spcBef>
                <a:spcPct val="20000"/>
              </a:spcBef>
              <a:spcAft>
                <a:spcPct val="0"/>
              </a:spcAft>
              <a:buClr>
                <a:srgbClr val="A80C35"/>
              </a:buClr>
              <a:buSzTx/>
              <a:buFontTx/>
              <a:buNone/>
              <a:tabLst/>
              <a:defRPr/>
            </a:pPr>
            <a:r>
              <a:rPr lang="en-GB" dirty="0"/>
              <a:t>Insert image via the Templafy pane</a:t>
            </a:r>
            <a:endParaRPr lang="en-GB"/>
          </a:p>
          <a:p>
            <a:endParaRPr lang="en-GB" dirty="0"/>
          </a:p>
        </p:txBody>
      </p:sp>
      <p:sp>
        <p:nvSpPr>
          <p:cNvPr id="4" name="Rectangle 11"/>
          <p:cNvSpPr>
            <a:spLocks noGrp="1" noChangeArrowheads="1"/>
          </p:cNvSpPr>
          <p:nvPr>
            <p:ph type="sldNum" sz="quarter" idx="10"/>
          </p:nvPr>
        </p:nvSpPr>
        <p:spPr>
          <a:xfrm>
            <a:off x="9227864" y="6416675"/>
            <a:ext cx="2844800" cy="287338"/>
          </a:xfrm>
          <a:prstGeom prst="rect">
            <a:avLst/>
          </a:prstGeom>
        </p:spPr>
        <p:txBody>
          <a:bodyPr/>
          <a:lstStyle>
            <a:lvl1pPr algn="r">
              <a:defRPr sz="1050">
                <a:solidFill>
                  <a:schemeClr val="tx1"/>
                </a:solidFill>
              </a:defRPr>
            </a:lvl1pPr>
          </a:lstStyle>
          <a:p>
            <a:pPr>
              <a:defRPr/>
            </a:pPr>
            <a:fld id="{0E808A4E-B55F-4717-AB09-68D98B68A291}" type="slidenum">
              <a:rPr lang="en-GB" smtClean="0"/>
              <a:pPr>
                <a:defRPr/>
              </a:pPr>
              <a:t>‹#›</a:t>
            </a:fld>
            <a:endParaRPr lang="en-GB" dirty="0"/>
          </a:p>
        </p:txBody>
      </p:sp>
      <p:sp>
        <p:nvSpPr>
          <p:cNvPr id="6" name="Rectangle 9">
            <a:extLst>
              <a:ext uri="{FF2B5EF4-FFF2-40B4-BE49-F238E27FC236}">
                <a16:creationId xmlns:a16="http://schemas.microsoft.com/office/drawing/2014/main" id="{6FCC9DB9-3B46-4C89-8D31-FC2BB12B0ED0}"/>
              </a:ext>
            </a:extLst>
          </p:cNvPr>
          <p:cNvSpPr>
            <a:spLocks noGrp="1" noChangeArrowheads="1"/>
          </p:cNvSpPr>
          <p:nvPr>
            <p:ph type="title"/>
          </p:nvPr>
        </p:nvSpPr>
        <p:spPr bwMode="auto">
          <a:xfrm>
            <a:off x="406400" y="326364"/>
            <a:ext cx="7761557"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
        <p:nvSpPr>
          <p:cNvPr id="2" name="Rectangle 1" descr="{&quot;templafy&quot;:{&quot;id&quot;:&quot;31dc3b93-58d0-4e27-8895-dfca4a201b9f&quot;}}">
            <a:extLst>
              <a:ext uri="{FF2B5EF4-FFF2-40B4-BE49-F238E27FC236}">
                <a16:creationId xmlns:a16="http://schemas.microsoft.com/office/drawing/2014/main" id="{40B5803F-FF97-2115-AEA0-D3469D586C39}"/>
              </a:ext>
            </a:extLst>
          </p:cNvPr>
          <p:cNvSpPr/>
          <p:nvPr userDrawn="1"/>
        </p:nvSpPr>
        <p:spPr bwMode="auto">
          <a:xfrm>
            <a:off x="335360" y="6565180"/>
            <a:ext cx="1717328" cy="19911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GB" sz="1050" b="1" i="0" u="none" strike="noStrike" cap="none" normalizeH="0" baseline="0" dirty="0">
              <a:ln>
                <a:noFill/>
              </a:ln>
              <a:solidFill>
                <a:schemeClr val="tx1"/>
              </a:solidFill>
              <a:effectLst/>
              <a:latin typeface="+mn-lt"/>
              <a:ea typeface="ＭＳ Ｐゴシック" pitchFamily="-128" charset="-128"/>
            </a:endParaRPr>
          </a:p>
        </p:txBody>
      </p:sp>
    </p:spTree>
    <p:extLst>
      <p:ext uri="{BB962C8B-B14F-4D97-AF65-F5344CB8AC3E}">
        <p14:creationId xmlns:p14="http://schemas.microsoft.com/office/powerpoint/2010/main" val="2239558126"/>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a:xfrm>
            <a:off x="406400" y="1340768"/>
            <a:ext cx="8281888" cy="5327898"/>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6" name="Picture Placeholder 6">
            <a:extLst>
              <a:ext uri="{FF2B5EF4-FFF2-40B4-BE49-F238E27FC236}">
                <a16:creationId xmlns:a16="http://schemas.microsoft.com/office/drawing/2014/main" id="{B86E89B3-1318-428E-BA52-0529723DF1DD}"/>
              </a:ext>
            </a:extLst>
          </p:cNvPr>
          <p:cNvSpPr>
            <a:spLocks noGrp="1"/>
          </p:cNvSpPr>
          <p:nvPr>
            <p:ph type="pic" sz="quarter" idx="12" hasCustomPrompt="1"/>
          </p:nvPr>
        </p:nvSpPr>
        <p:spPr bwMode="auto">
          <a:xfrm>
            <a:off x="8782873" y="335873"/>
            <a:ext cx="3409127" cy="6522127"/>
          </a:xfrm>
          <a:custGeom>
            <a:avLst/>
            <a:gdLst>
              <a:gd name="connsiteX0" fmla="*/ 0 w 2268537"/>
              <a:gd name="connsiteY0" fmla="*/ 0 h 6524625"/>
              <a:gd name="connsiteX1" fmla="*/ 1890440 w 2268537"/>
              <a:gd name="connsiteY1" fmla="*/ 0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1585047 w 2268537"/>
              <a:gd name="connsiteY2" fmla="*/ 1070824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9236 h 6533861"/>
              <a:gd name="connsiteX1" fmla="*/ 1216185 w 2268537"/>
              <a:gd name="connsiteY1" fmla="*/ 0 h 6533861"/>
              <a:gd name="connsiteX2" fmla="*/ 1585047 w 2268537"/>
              <a:gd name="connsiteY2" fmla="*/ 1080060 h 6533861"/>
              <a:gd name="connsiteX3" fmla="*/ 2268537 w 2268537"/>
              <a:gd name="connsiteY3" fmla="*/ 6533861 h 6533861"/>
              <a:gd name="connsiteX4" fmla="*/ 0 w 2268537"/>
              <a:gd name="connsiteY4" fmla="*/ 6533861 h 6533861"/>
              <a:gd name="connsiteX5" fmla="*/ 0 w 2268537"/>
              <a:gd name="connsiteY5" fmla="*/ 9236 h 6533861"/>
              <a:gd name="connsiteX0" fmla="*/ 0 w 2243137"/>
              <a:gd name="connsiteY0" fmla="*/ 9236 h 6533861"/>
              <a:gd name="connsiteX1" fmla="*/ 1216185 w 2243137"/>
              <a:gd name="connsiteY1" fmla="*/ 0 h 6533861"/>
              <a:gd name="connsiteX2" fmla="*/ 1585047 w 2243137"/>
              <a:gd name="connsiteY2" fmla="*/ 1080060 h 6533861"/>
              <a:gd name="connsiteX3" fmla="*/ 2243137 w 2243137"/>
              <a:gd name="connsiteY3" fmla="*/ 6533861 h 6533861"/>
              <a:gd name="connsiteX4" fmla="*/ 0 w 2243137"/>
              <a:gd name="connsiteY4" fmla="*/ 6533861 h 6533861"/>
              <a:gd name="connsiteX5" fmla="*/ 0 w 2243137"/>
              <a:gd name="connsiteY5"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60600 w 2260600"/>
              <a:gd name="connsiteY3" fmla="*/ 5587711 h 6533861"/>
              <a:gd name="connsiteX4" fmla="*/ 2243137 w 2260600"/>
              <a:gd name="connsiteY4" fmla="*/ 6533861 h 6533861"/>
              <a:gd name="connsiteX5" fmla="*/ 0 w 2260600"/>
              <a:gd name="connsiteY5" fmla="*/ 6533861 h 6533861"/>
              <a:gd name="connsiteX6" fmla="*/ 0 w 2260600"/>
              <a:gd name="connsiteY6" fmla="*/ 9236 h 6533861"/>
              <a:gd name="connsiteX0" fmla="*/ 0 w 2270649"/>
              <a:gd name="connsiteY0" fmla="*/ 9236 h 6533861"/>
              <a:gd name="connsiteX1" fmla="*/ 1216185 w 2270649"/>
              <a:gd name="connsiteY1" fmla="*/ 0 h 6533861"/>
              <a:gd name="connsiteX2" fmla="*/ 1585047 w 2270649"/>
              <a:gd name="connsiteY2" fmla="*/ 1080060 h 6533861"/>
              <a:gd name="connsiteX3" fmla="*/ 2209800 w 2270649"/>
              <a:gd name="connsiteY3" fmla="*/ 4463761 h 6533861"/>
              <a:gd name="connsiteX4" fmla="*/ 2260600 w 2270649"/>
              <a:gd name="connsiteY4" fmla="*/ 5587711 h 6533861"/>
              <a:gd name="connsiteX5" fmla="*/ 2243137 w 2270649"/>
              <a:gd name="connsiteY5" fmla="*/ 6533861 h 6533861"/>
              <a:gd name="connsiteX6" fmla="*/ 0 w 2270649"/>
              <a:gd name="connsiteY6" fmla="*/ 6533861 h 6533861"/>
              <a:gd name="connsiteX7" fmla="*/ 0 w 2270649"/>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098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73405"/>
              <a:gd name="connsiteY0" fmla="*/ 9236 h 6533861"/>
              <a:gd name="connsiteX1" fmla="*/ 1216185 w 2273405"/>
              <a:gd name="connsiteY1" fmla="*/ 0 h 6533861"/>
              <a:gd name="connsiteX2" fmla="*/ 1585047 w 2273405"/>
              <a:gd name="connsiteY2" fmla="*/ 1080060 h 6533861"/>
              <a:gd name="connsiteX3" fmla="*/ 2235200 w 2273405"/>
              <a:gd name="connsiteY3" fmla="*/ 4463761 h 6533861"/>
              <a:gd name="connsiteX4" fmla="*/ 2260600 w 2273405"/>
              <a:gd name="connsiteY4" fmla="*/ 5587711 h 6533861"/>
              <a:gd name="connsiteX5" fmla="*/ 2243137 w 2273405"/>
              <a:gd name="connsiteY5" fmla="*/ 6533861 h 6533861"/>
              <a:gd name="connsiteX6" fmla="*/ 0 w 2273405"/>
              <a:gd name="connsiteY6" fmla="*/ 6533861 h 6533861"/>
              <a:gd name="connsiteX7" fmla="*/ 0 w 2273405"/>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352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1898650 w 2260600"/>
              <a:gd name="connsiteY3" fmla="*/ 2279361 h 6533861"/>
              <a:gd name="connsiteX4" fmla="*/ 2095500 w 2260600"/>
              <a:gd name="connsiteY4" fmla="*/ 3454111 h 6533861"/>
              <a:gd name="connsiteX5" fmla="*/ 2235200 w 2260600"/>
              <a:gd name="connsiteY5" fmla="*/ 4463761 h 6533861"/>
              <a:gd name="connsiteX6" fmla="*/ 2260600 w 2260600"/>
              <a:gd name="connsiteY6" fmla="*/ 5587711 h 6533861"/>
              <a:gd name="connsiteX7" fmla="*/ 2243137 w 2260600"/>
              <a:gd name="connsiteY7" fmla="*/ 6533861 h 6533861"/>
              <a:gd name="connsiteX8" fmla="*/ 0 w 2260600"/>
              <a:gd name="connsiteY8" fmla="*/ 6533861 h 6533861"/>
              <a:gd name="connsiteX9" fmla="*/ 0 w 2260600"/>
              <a:gd name="connsiteY9" fmla="*/ 9236 h 6533861"/>
              <a:gd name="connsiteX0" fmla="*/ 0 w 3417887"/>
              <a:gd name="connsiteY0" fmla="*/ 9236 h 6546561"/>
              <a:gd name="connsiteX1" fmla="*/ 1216185 w 3417887"/>
              <a:gd name="connsiteY1" fmla="*/ 0 h 6546561"/>
              <a:gd name="connsiteX2" fmla="*/ 1585047 w 3417887"/>
              <a:gd name="connsiteY2" fmla="*/ 1080060 h 6546561"/>
              <a:gd name="connsiteX3" fmla="*/ 1898650 w 3417887"/>
              <a:gd name="connsiteY3" fmla="*/ 2279361 h 6546561"/>
              <a:gd name="connsiteX4" fmla="*/ 2095500 w 3417887"/>
              <a:gd name="connsiteY4" fmla="*/ 3454111 h 6546561"/>
              <a:gd name="connsiteX5" fmla="*/ 2235200 w 3417887"/>
              <a:gd name="connsiteY5" fmla="*/ 4463761 h 6546561"/>
              <a:gd name="connsiteX6" fmla="*/ 2260600 w 3417887"/>
              <a:gd name="connsiteY6" fmla="*/ 5587711 h 6546561"/>
              <a:gd name="connsiteX7" fmla="*/ 3417887 w 3417887"/>
              <a:gd name="connsiteY7" fmla="*/ 6546561 h 6546561"/>
              <a:gd name="connsiteX8" fmla="*/ 0 w 3417887"/>
              <a:gd name="connsiteY8" fmla="*/ 6533861 h 6546561"/>
              <a:gd name="connsiteX9" fmla="*/ 0 w 3417887"/>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2095500 w 3429000"/>
              <a:gd name="connsiteY4" fmla="*/ 3454111 h 6546561"/>
              <a:gd name="connsiteX5" fmla="*/ 2235200 w 3429000"/>
              <a:gd name="connsiteY5" fmla="*/ 44637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2095500 w 3429000"/>
              <a:gd name="connsiteY4" fmla="*/ 345411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2095500 w 3429000"/>
              <a:gd name="connsiteY4" fmla="*/ 345411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24200 w 3429000"/>
              <a:gd name="connsiteY4" fmla="*/ 272386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24200 w 3429000"/>
              <a:gd name="connsiteY4" fmla="*/ 272386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24200 w 3429000"/>
              <a:gd name="connsiteY4" fmla="*/ 272386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62300 w 3429000"/>
              <a:gd name="connsiteY4" fmla="*/ 290801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2946400 w 3429000"/>
              <a:gd name="connsiteY3" fmla="*/ 1904711 h 6546561"/>
              <a:gd name="connsiteX4" fmla="*/ 3162300 w 3429000"/>
              <a:gd name="connsiteY4" fmla="*/ 290801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2601047 w 3429000"/>
              <a:gd name="connsiteY2" fmla="*/ 762560 h 6546561"/>
              <a:gd name="connsiteX3" fmla="*/ 2946400 w 3429000"/>
              <a:gd name="connsiteY3" fmla="*/ 1904711 h 6546561"/>
              <a:gd name="connsiteX4" fmla="*/ 3162300 w 3429000"/>
              <a:gd name="connsiteY4" fmla="*/ 290801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0 h 6537325"/>
              <a:gd name="connsiteX1" fmla="*/ 2333785 w 3429000"/>
              <a:gd name="connsiteY1" fmla="*/ 3464 h 6537325"/>
              <a:gd name="connsiteX2" fmla="*/ 2601047 w 3429000"/>
              <a:gd name="connsiteY2" fmla="*/ 753324 h 6537325"/>
              <a:gd name="connsiteX3" fmla="*/ 2946400 w 3429000"/>
              <a:gd name="connsiteY3" fmla="*/ 1895475 h 6537325"/>
              <a:gd name="connsiteX4" fmla="*/ 3162300 w 3429000"/>
              <a:gd name="connsiteY4" fmla="*/ 2898775 h 6537325"/>
              <a:gd name="connsiteX5" fmla="*/ 3333750 w 3429000"/>
              <a:gd name="connsiteY5" fmla="*/ 3927475 h 6537325"/>
              <a:gd name="connsiteX6" fmla="*/ 3429000 w 3429000"/>
              <a:gd name="connsiteY6" fmla="*/ 5108575 h 6537325"/>
              <a:gd name="connsiteX7" fmla="*/ 3417887 w 3429000"/>
              <a:gd name="connsiteY7" fmla="*/ 6537325 h 6537325"/>
              <a:gd name="connsiteX8" fmla="*/ 0 w 3429000"/>
              <a:gd name="connsiteY8" fmla="*/ 6524625 h 6537325"/>
              <a:gd name="connsiteX9" fmla="*/ 0 w 3429000"/>
              <a:gd name="connsiteY9" fmla="*/ 0 h 6537325"/>
              <a:gd name="connsiteX0" fmla="*/ 0 w 3429000"/>
              <a:gd name="connsiteY0" fmla="*/ 0 h 6537325"/>
              <a:gd name="connsiteX1" fmla="*/ 2333785 w 3429000"/>
              <a:gd name="connsiteY1" fmla="*/ 3464 h 6537325"/>
              <a:gd name="connsiteX2" fmla="*/ 2601047 w 3429000"/>
              <a:gd name="connsiteY2" fmla="*/ 753324 h 6537325"/>
              <a:gd name="connsiteX3" fmla="*/ 2946400 w 3429000"/>
              <a:gd name="connsiteY3" fmla="*/ 1895475 h 6537325"/>
              <a:gd name="connsiteX4" fmla="*/ 3180773 w 3429000"/>
              <a:gd name="connsiteY4" fmla="*/ 2908012 h 6537325"/>
              <a:gd name="connsiteX5" fmla="*/ 3333750 w 3429000"/>
              <a:gd name="connsiteY5" fmla="*/ 3927475 h 6537325"/>
              <a:gd name="connsiteX6" fmla="*/ 3429000 w 3429000"/>
              <a:gd name="connsiteY6" fmla="*/ 5108575 h 6537325"/>
              <a:gd name="connsiteX7" fmla="*/ 3417887 w 3429000"/>
              <a:gd name="connsiteY7" fmla="*/ 6537325 h 6537325"/>
              <a:gd name="connsiteX8" fmla="*/ 0 w 3429000"/>
              <a:gd name="connsiteY8" fmla="*/ 6524625 h 6537325"/>
              <a:gd name="connsiteX9" fmla="*/ 0 w 3429000"/>
              <a:gd name="connsiteY9" fmla="*/ 0 h 6537325"/>
              <a:gd name="connsiteX0" fmla="*/ 0 w 3429000"/>
              <a:gd name="connsiteY0" fmla="*/ 0 h 6537325"/>
              <a:gd name="connsiteX1" fmla="*/ 2499248 w 3429000"/>
              <a:gd name="connsiteY1" fmla="*/ 3464 h 6537325"/>
              <a:gd name="connsiteX2" fmla="*/ 2601047 w 3429000"/>
              <a:gd name="connsiteY2" fmla="*/ 753324 h 6537325"/>
              <a:gd name="connsiteX3" fmla="*/ 2946400 w 3429000"/>
              <a:gd name="connsiteY3" fmla="*/ 1895475 h 6537325"/>
              <a:gd name="connsiteX4" fmla="*/ 3180773 w 3429000"/>
              <a:gd name="connsiteY4" fmla="*/ 2908012 h 6537325"/>
              <a:gd name="connsiteX5" fmla="*/ 3333750 w 3429000"/>
              <a:gd name="connsiteY5" fmla="*/ 3927475 h 6537325"/>
              <a:gd name="connsiteX6" fmla="*/ 3429000 w 3429000"/>
              <a:gd name="connsiteY6" fmla="*/ 5108575 h 6537325"/>
              <a:gd name="connsiteX7" fmla="*/ 3417887 w 3429000"/>
              <a:gd name="connsiteY7" fmla="*/ 6537325 h 6537325"/>
              <a:gd name="connsiteX8" fmla="*/ 0 w 3429000"/>
              <a:gd name="connsiteY8" fmla="*/ 6524625 h 6537325"/>
              <a:gd name="connsiteX9" fmla="*/ 0 w 3429000"/>
              <a:gd name="connsiteY9" fmla="*/ 0 h 6537325"/>
              <a:gd name="connsiteX0" fmla="*/ 0 w 3429000"/>
              <a:gd name="connsiteY0" fmla="*/ 0 h 6537325"/>
              <a:gd name="connsiteX1" fmla="*/ 2499248 w 3429000"/>
              <a:gd name="connsiteY1" fmla="*/ 3464 h 6537325"/>
              <a:gd name="connsiteX2" fmla="*/ 2946400 w 3429000"/>
              <a:gd name="connsiteY2" fmla="*/ 1895475 h 6537325"/>
              <a:gd name="connsiteX3" fmla="*/ 3180773 w 3429000"/>
              <a:gd name="connsiteY3" fmla="*/ 2908012 h 6537325"/>
              <a:gd name="connsiteX4" fmla="*/ 3333750 w 3429000"/>
              <a:gd name="connsiteY4" fmla="*/ 3927475 h 6537325"/>
              <a:gd name="connsiteX5" fmla="*/ 3429000 w 3429000"/>
              <a:gd name="connsiteY5" fmla="*/ 5108575 h 6537325"/>
              <a:gd name="connsiteX6" fmla="*/ 3417887 w 3429000"/>
              <a:gd name="connsiteY6" fmla="*/ 6537325 h 6537325"/>
              <a:gd name="connsiteX7" fmla="*/ 0 w 3429000"/>
              <a:gd name="connsiteY7" fmla="*/ 6524625 h 6537325"/>
              <a:gd name="connsiteX8" fmla="*/ 0 w 3429000"/>
              <a:gd name="connsiteY8" fmla="*/ 0 h 6537325"/>
              <a:gd name="connsiteX0" fmla="*/ 0 w 3429000"/>
              <a:gd name="connsiteY0" fmla="*/ 0 h 6537325"/>
              <a:gd name="connsiteX1" fmla="*/ 2499248 w 3429000"/>
              <a:gd name="connsiteY1" fmla="*/ 3464 h 6537325"/>
              <a:gd name="connsiteX2" fmla="*/ 3180773 w 3429000"/>
              <a:gd name="connsiteY2" fmla="*/ 2908012 h 6537325"/>
              <a:gd name="connsiteX3" fmla="*/ 3333750 w 3429000"/>
              <a:gd name="connsiteY3" fmla="*/ 3927475 h 6537325"/>
              <a:gd name="connsiteX4" fmla="*/ 3429000 w 3429000"/>
              <a:gd name="connsiteY4" fmla="*/ 5108575 h 6537325"/>
              <a:gd name="connsiteX5" fmla="*/ 3417887 w 3429000"/>
              <a:gd name="connsiteY5" fmla="*/ 6537325 h 6537325"/>
              <a:gd name="connsiteX6" fmla="*/ 0 w 3429000"/>
              <a:gd name="connsiteY6" fmla="*/ 6524625 h 6537325"/>
              <a:gd name="connsiteX7" fmla="*/ 0 w 3429000"/>
              <a:gd name="connsiteY7" fmla="*/ 0 h 6537325"/>
              <a:gd name="connsiteX0" fmla="*/ 0 w 3429000"/>
              <a:gd name="connsiteY0" fmla="*/ 0 h 6537325"/>
              <a:gd name="connsiteX1" fmla="*/ 2499248 w 3429000"/>
              <a:gd name="connsiteY1" fmla="*/ 3464 h 6537325"/>
              <a:gd name="connsiteX2" fmla="*/ 3333750 w 3429000"/>
              <a:gd name="connsiteY2" fmla="*/ 3927475 h 6537325"/>
              <a:gd name="connsiteX3" fmla="*/ 3429000 w 3429000"/>
              <a:gd name="connsiteY3" fmla="*/ 5108575 h 6537325"/>
              <a:gd name="connsiteX4" fmla="*/ 3417887 w 3429000"/>
              <a:gd name="connsiteY4" fmla="*/ 6537325 h 6537325"/>
              <a:gd name="connsiteX5" fmla="*/ 0 w 3429000"/>
              <a:gd name="connsiteY5" fmla="*/ 6524625 h 6537325"/>
              <a:gd name="connsiteX6" fmla="*/ 0 w 3429000"/>
              <a:gd name="connsiteY6" fmla="*/ 0 h 6537325"/>
              <a:gd name="connsiteX0" fmla="*/ 0 w 3677283"/>
              <a:gd name="connsiteY0" fmla="*/ 0 h 6537325"/>
              <a:gd name="connsiteX1" fmla="*/ 2499248 w 3677283"/>
              <a:gd name="connsiteY1" fmla="*/ 3464 h 6537325"/>
              <a:gd name="connsiteX2" fmla="*/ 3333750 w 3677283"/>
              <a:gd name="connsiteY2" fmla="*/ 3927475 h 6537325"/>
              <a:gd name="connsiteX3" fmla="*/ 3417887 w 3677283"/>
              <a:gd name="connsiteY3" fmla="*/ 6537325 h 6537325"/>
              <a:gd name="connsiteX4" fmla="*/ 0 w 3677283"/>
              <a:gd name="connsiteY4" fmla="*/ 6524625 h 6537325"/>
              <a:gd name="connsiteX5" fmla="*/ 0 w 3677283"/>
              <a:gd name="connsiteY5" fmla="*/ 0 h 6537325"/>
              <a:gd name="connsiteX0" fmla="*/ 0 w 3565934"/>
              <a:gd name="connsiteY0" fmla="*/ 0 h 6546033"/>
              <a:gd name="connsiteX1" fmla="*/ 2499248 w 3565934"/>
              <a:gd name="connsiteY1" fmla="*/ 3464 h 6546033"/>
              <a:gd name="connsiteX2" fmla="*/ 3333750 w 3565934"/>
              <a:gd name="connsiteY2" fmla="*/ 3927475 h 6546033"/>
              <a:gd name="connsiteX3" fmla="*/ 3252424 w 3565934"/>
              <a:gd name="connsiteY3" fmla="*/ 6546033 h 6546033"/>
              <a:gd name="connsiteX4" fmla="*/ 0 w 3565934"/>
              <a:gd name="connsiteY4" fmla="*/ 6524625 h 6546033"/>
              <a:gd name="connsiteX5" fmla="*/ 0 w 3565934"/>
              <a:gd name="connsiteY5" fmla="*/ 0 h 6546033"/>
              <a:gd name="connsiteX0" fmla="*/ 0 w 3413900"/>
              <a:gd name="connsiteY0" fmla="*/ 0 h 6546033"/>
              <a:gd name="connsiteX1" fmla="*/ 2499248 w 3413900"/>
              <a:gd name="connsiteY1" fmla="*/ 3464 h 6546033"/>
              <a:gd name="connsiteX2" fmla="*/ 3333750 w 3413900"/>
              <a:gd name="connsiteY2" fmla="*/ 3927475 h 6546033"/>
              <a:gd name="connsiteX3" fmla="*/ 3252424 w 3413900"/>
              <a:gd name="connsiteY3" fmla="*/ 6546033 h 6546033"/>
              <a:gd name="connsiteX4" fmla="*/ 0 w 3413900"/>
              <a:gd name="connsiteY4" fmla="*/ 6524625 h 6546033"/>
              <a:gd name="connsiteX5" fmla="*/ 0 w 3413900"/>
              <a:gd name="connsiteY5" fmla="*/ 0 h 6546033"/>
              <a:gd name="connsiteX0" fmla="*/ 0 w 3390272"/>
              <a:gd name="connsiteY0" fmla="*/ 0 h 6546033"/>
              <a:gd name="connsiteX1" fmla="*/ 2499248 w 3390272"/>
              <a:gd name="connsiteY1" fmla="*/ 3464 h 6546033"/>
              <a:gd name="connsiteX2" fmla="*/ 3333750 w 3390272"/>
              <a:gd name="connsiteY2" fmla="*/ 3927475 h 6546033"/>
              <a:gd name="connsiteX3" fmla="*/ 3252424 w 3390272"/>
              <a:gd name="connsiteY3" fmla="*/ 6546033 h 6546033"/>
              <a:gd name="connsiteX4" fmla="*/ 0 w 3390272"/>
              <a:gd name="connsiteY4" fmla="*/ 6524625 h 6546033"/>
              <a:gd name="connsiteX5" fmla="*/ 0 w 3390272"/>
              <a:gd name="connsiteY5" fmla="*/ 0 h 6546033"/>
              <a:gd name="connsiteX0" fmla="*/ 0 w 3390272"/>
              <a:gd name="connsiteY0" fmla="*/ 0 h 6546033"/>
              <a:gd name="connsiteX1" fmla="*/ 2499248 w 3390272"/>
              <a:gd name="connsiteY1" fmla="*/ 3464 h 6546033"/>
              <a:gd name="connsiteX2" fmla="*/ 3333750 w 3390272"/>
              <a:gd name="connsiteY2" fmla="*/ 3927475 h 6546033"/>
              <a:gd name="connsiteX3" fmla="*/ 3252424 w 3390272"/>
              <a:gd name="connsiteY3" fmla="*/ 6546033 h 6546033"/>
              <a:gd name="connsiteX4" fmla="*/ 0 w 3390272"/>
              <a:gd name="connsiteY4" fmla="*/ 6524625 h 6546033"/>
              <a:gd name="connsiteX5" fmla="*/ 0 w 3390272"/>
              <a:gd name="connsiteY5" fmla="*/ 0 h 6546033"/>
              <a:gd name="connsiteX0" fmla="*/ 0 w 3390272"/>
              <a:gd name="connsiteY0" fmla="*/ 0 h 6546033"/>
              <a:gd name="connsiteX1" fmla="*/ 2499248 w 3390272"/>
              <a:gd name="connsiteY1" fmla="*/ 3464 h 6546033"/>
              <a:gd name="connsiteX2" fmla="*/ 3333750 w 3390272"/>
              <a:gd name="connsiteY2" fmla="*/ 3927475 h 6546033"/>
              <a:gd name="connsiteX3" fmla="*/ 3252424 w 3390272"/>
              <a:gd name="connsiteY3" fmla="*/ 6546033 h 6546033"/>
              <a:gd name="connsiteX4" fmla="*/ 0 w 3390272"/>
              <a:gd name="connsiteY4" fmla="*/ 6524625 h 6546033"/>
              <a:gd name="connsiteX5" fmla="*/ 0 w 3390272"/>
              <a:gd name="connsiteY5" fmla="*/ 0 h 6546033"/>
              <a:gd name="connsiteX0" fmla="*/ 0 w 3398486"/>
              <a:gd name="connsiteY0" fmla="*/ 0 h 6546033"/>
              <a:gd name="connsiteX1" fmla="*/ 2499248 w 3398486"/>
              <a:gd name="connsiteY1" fmla="*/ 3464 h 6546033"/>
              <a:gd name="connsiteX2" fmla="*/ 3345703 w 3398486"/>
              <a:gd name="connsiteY2" fmla="*/ 3927475 h 6546033"/>
              <a:gd name="connsiteX3" fmla="*/ 3252424 w 3398486"/>
              <a:gd name="connsiteY3" fmla="*/ 6546033 h 6546033"/>
              <a:gd name="connsiteX4" fmla="*/ 0 w 3398486"/>
              <a:gd name="connsiteY4" fmla="*/ 6524625 h 6546033"/>
              <a:gd name="connsiteX5" fmla="*/ 0 w 3398486"/>
              <a:gd name="connsiteY5" fmla="*/ 0 h 6546033"/>
              <a:gd name="connsiteX0" fmla="*/ 0 w 3398486"/>
              <a:gd name="connsiteY0" fmla="*/ 0 h 6546033"/>
              <a:gd name="connsiteX1" fmla="*/ 2499248 w 3398486"/>
              <a:gd name="connsiteY1" fmla="*/ 3464 h 6546033"/>
              <a:gd name="connsiteX2" fmla="*/ 3345703 w 3398486"/>
              <a:gd name="connsiteY2" fmla="*/ 3927475 h 6546033"/>
              <a:gd name="connsiteX3" fmla="*/ 3252424 w 3398486"/>
              <a:gd name="connsiteY3" fmla="*/ 6546033 h 6546033"/>
              <a:gd name="connsiteX4" fmla="*/ 0 w 3398486"/>
              <a:gd name="connsiteY4" fmla="*/ 6524625 h 6546033"/>
              <a:gd name="connsiteX5" fmla="*/ 0 w 3398486"/>
              <a:gd name="connsiteY5" fmla="*/ 0 h 6546033"/>
              <a:gd name="connsiteX0" fmla="*/ 0 w 3385293"/>
              <a:gd name="connsiteY0" fmla="*/ 0 h 6546033"/>
              <a:gd name="connsiteX1" fmla="*/ 2499248 w 3385293"/>
              <a:gd name="connsiteY1" fmla="*/ 3464 h 6546033"/>
              <a:gd name="connsiteX2" fmla="*/ 3345703 w 3385293"/>
              <a:gd name="connsiteY2" fmla="*/ 3927475 h 6546033"/>
              <a:gd name="connsiteX3" fmla="*/ 3252424 w 3385293"/>
              <a:gd name="connsiteY3" fmla="*/ 6546033 h 6546033"/>
              <a:gd name="connsiteX4" fmla="*/ 0 w 3385293"/>
              <a:gd name="connsiteY4" fmla="*/ 6524625 h 6546033"/>
              <a:gd name="connsiteX5" fmla="*/ 0 w 3385293"/>
              <a:gd name="connsiteY5" fmla="*/ 0 h 6546033"/>
              <a:gd name="connsiteX0" fmla="*/ 0 w 3389215"/>
              <a:gd name="connsiteY0" fmla="*/ 0 h 6540056"/>
              <a:gd name="connsiteX1" fmla="*/ 2499248 w 3389215"/>
              <a:gd name="connsiteY1" fmla="*/ 3464 h 6540056"/>
              <a:gd name="connsiteX2" fmla="*/ 3345703 w 3389215"/>
              <a:gd name="connsiteY2" fmla="*/ 3927475 h 6540056"/>
              <a:gd name="connsiteX3" fmla="*/ 3264377 w 3389215"/>
              <a:gd name="connsiteY3" fmla="*/ 6540056 h 6540056"/>
              <a:gd name="connsiteX4" fmla="*/ 0 w 3389215"/>
              <a:gd name="connsiteY4" fmla="*/ 6524625 h 6540056"/>
              <a:gd name="connsiteX5" fmla="*/ 0 w 3389215"/>
              <a:gd name="connsiteY5" fmla="*/ 0 h 6540056"/>
              <a:gd name="connsiteX0" fmla="*/ 0 w 3391357"/>
              <a:gd name="connsiteY0" fmla="*/ 0 h 6534080"/>
              <a:gd name="connsiteX1" fmla="*/ 2499248 w 3391357"/>
              <a:gd name="connsiteY1" fmla="*/ 3464 h 6534080"/>
              <a:gd name="connsiteX2" fmla="*/ 3345703 w 3391357"/>
              <a:gd name="connsiteY2" fmla="*/ 3927475 h 6534080"/>
              <a:gd name="connsiteX3" fmla="*/ 3270353 w 3391357"/>
              <a:gd name="connsiteY3" fmla="*/ 6534080 h 6534080"/>
              <a:gd name="connsiteX4" fmla="*/ 0 w 3391357"/>
              <a:gd name="connsiteY4" fmla="*/ 6524625 h 6534080"/>
              <a:gd name="connsiteX5" fmla="*/ 0 w 3391357"/>
              <a:gd name="connsiteY5" fmla="*/ 0 h 6534080"/>
              <a:gd name="connsiteX0" fmla="*/ 0 w 3391357"/>
              <a:gd name="connsiteY0" fmla="*/ 0 h 6534080"/>
              <a:gd name="connsiteX1" fmla="*/ 2499248 w 3391357"/>
              <a:gd name="connsiteY1" fmla="*/ 3464 h 6534080"/>
              <a:gd name="connsiteX2" fmla="*/ 3345703 w 3391357"/>
              <a:gd name="connsiteY2" fmla="*/ 3927475 h 6534080"/>
              <a:gd name="connsiteX3" fmla="*/ 3270353 w 3391357"/>
              <a:gd name="connsiteY3" fmla="*/ 6534080 h 6534080"/>
              <a:gd name="connsiteX4" fmla="*/ 0 w 3391357"/>
              <a:gd name="connsiteY4" fmla="*/ 6524625 h 6534080"/>
              <a:gd name="connsiteX5" fmla="*/ 0 w 3391357"/>
              <a:gd name="connsiteY5" fmla="*/ 0 h 6534080"/>
              <a:gd name="connsiteX0" fmla="*/ 0 w 3391357"/>
              <a:gd name="connsiteY0" fmla="*/ 0 h 6528103"/>
              <a:gd name="connsiteX1" fmla="*/ 2499248 w 3391357"/>
              <a:gd name="connsiteY1" fmla="*/ 3464 h 6528103"/>
              <a:gd name="connsiteX2" fmla="*/ 3345703 w 3391357"/>
              <a:gd name="connsiteY2" fmla="*/ 3927475 h 6528103"/>
              <a:gd name="connsiteX3" fmla="*/ 3270353 w 3391357"/>
              <a:gd name="connsiteY3" fmla="*/ 6528103 h 6528103"/>
              <a:gd name="connsiteX4" fmla="*/ 0 w 3391357"/>
              <a:gd name="connsiteY4" fmla="*/ 6524625 h 6528103"/>
              <a:gd name="connsiteX5" fmla="*/ 0 w 3391357"/>
              <a:gd name="connsiteY5" fmla="*/ 0 h 6528103"/>
              <a:gd name="connsiteX0" fmla="*/ 0 w 3387195"/>
              <a:gd name="connsiteY0" fmla="*/ 0 h 6524625"/>
              <a:gd name="connsiteX1" fmla="*/ 2499248 w 3387195"/>
              <a:gd name="connsiteY1" fmla="*/ 3464 h 6524625"/>
              <a:gd name="connsiteX2" fmla="*/ 3345703 w 3387195"/>
              <a:gd name="connsiteY2" fmla="*/ 3927475 h 6524625"/>
              <a:gd name="connsiteX3" fmla="*/ 3258400 w 3387195"/>
              <a:gd name="connsiteY3" fmla="*/ 6522127 h 6524625"/>
              <a:gd name="connsiteX4" fmla="*/ 0 w 3387195"/>
              <a:gd name="connsiteY4" fmla="*/ 6524625 h 6524625"/>
              <a:gd name="connsiteX5" fmla="*/ 0 w 3387195"/>
              <a:gd name="connsiteY5" fmla="*/ 0 h 6524625"/>
              <a:gd name="connsiteX0" fmla="*/ 0 w 3663705"/>
              <a:gd name="connsiteY0" fmla="*/ 0 h 6524625"/>
              <a:gd name="connsiteX1" fmla="*/ 3396395 w 3663705"/>
              <a:gd name="connsiteY1" fmla="*/ 3464 h 6524625"/>
              <a:gd name="connsiteX2" fmla="*/ 3345703 w 3663705"/>
              <a:gd name="connsiteY2" fmla="*/ 3927475 h 6524625"/>
              <a:gd name="connsiteX3" fmla="*/ 3258400 w 3663705"/>
              <a:gd name="connsiteY3" fmla="*/ 6522127 h 6524625"/>
              <a:gd name="connsiteX4" fmla="*/ 0 w 3663705"/>
              <a:gd name="connsiteY4" fmla="*/ 6524625 h 6524625"/>
              <a:gd name="connsiteX5" fmla="*/ 0 w 3663705"/>
              <a:gd name="connsiteY5" fmla="*/ 0 h 6524625"/>
              <a:gd name="connsiteX0" fmla="*/ 879894 w 3663705"/>
              <a:gd name="connsiteY0" fmla="*/ 0 h 6533252"/>
              <a:gd name="connsiteX1" fmla="*/ 3396395 w 3663705"/>
              <a:gd name="connsiteY1" fmla="*/ 12091 h 6533252"/>
              <a:gd name="connsiteX2" fmla="*/ 3345703 w 3663705"/>
              <a:gd name="connsiteY2" fmla="*/ 3936102 h 6533252"/>
              <a:gd name="connsiteX3" fmla="*/ 3258400 w 3663705"/>
              <a:gd name="connsiteY3" fmla="*/ 6530754 h 6533252"/>
              <a:gd name="connsiteX4" fmla="*/ 0 w 3663705"/>
              <a:gd name="connsiteY4" fmla="*/ 6533252 h 6533252"/>
              <a:gd name="connsiteX5" fmla="*/ 879894 w 3663705"/>
              <a:gd name="connsiteY5" fmla="*/ 0 h 6533252"/>
              <a:gd name="connsiteX0" fmla="*/ 879894 w 3663705"/>
              <a:gd name="connsiteY0" fmla="*/ 0 h 6533252"/>
              <a:gd name="connsiteX1" fmla="*/ 3396395 w 3663705"/>
              <a:gd name="connsiteY1" fmla="*/ 12091 h 6533252"/>
              <a:gd name="connsiteX2" fmla="*/ 3345703 w 3663705"/>
              <a:gd name="connsiteY2" fmla="*/ 3936102 h 6533252"/>
              <a:gd name="connsiteX3" fmla="*/ 3258400 w 3663705"/>
              <a:gd name="connsiteY3" fmla="*/ 6530754 h 6533252"/>
              <a:gd name="connsiteX4" fmla="*/ 0 w 3663705"/>
              <a:gd name="connsiteY4" fmla="*/ 6533252 h 6533252"/>
              <a:gd name="connsiteX5" fmla="*/ 879894 w 3663705"/>
              <a:gd name="connsiteY5" fmla="*/ 0 h 6533252"/>
              <a:gd name="connsiteX0" fmla="*/ 759125 w 3542936"/>
              <a:gd name="connsiteY0" fmla="*/ 0 h 6533252"/>
              <a:gd name="connsiteX1" fmla="*/ 3275626 w 3542936"/>
              <a:gd name="connsiteY1" fmla="*/ 12091 h 6533252"/>
              <a:gd name="connsiteX2" fmla="*/ 3224934 w 3542936"/>
              <a:gd name="connsiteY2" fmla="*/ 3936102 h 6533252"/>
              <a:gd name="connsiteX3" fmla="*/ 3137631 w 3542936"/>
              <a:gd name="connsiteY3" fmla="*/ 6530754 h 6533252"/>
              <a:gd name="connsiteX4" fmla="*/ 0 w 3542936"/>
              <a:gd name="connsiteY4" fmla="*/ 6533252 h 6533252"/>
              <a:gd name="connsiteX5" fmla="*/ 759125 w 3542936"/>
              <a:gd name="connsiteY5" fmla="*/ 0 h 6533252"/>
              <a:gd name="connsiteX0" fmla="*/ 883288 w 3667099"/>
              <a:gd name="connsiteY0" fmla="*/ 0 h 6533252"/>
              <a:gd name="connsiteX1" fmla="*/ 3399789 w 3667099"/>
              <a:gd name="connsiteY1" fmla="*/ 12091 h 6533252"/>
              <a:gd name="connsiteX2" fmla="*/ 3349097 w 3667099"/>
              <a:gd name="connsiteY2" fmla="*/ 3936102 h 6533252"/>
              <a:gd name="connsiteX3" fmla="*/ 3261794 w 3667099"/>
              <a:gd name="connsiteY3" fmla="*/ 6530754 h 6533252"/>
              <a:gd name="connsiteX4" fmla="*/ 124163 w 3667099"/>
              <a:gd name="connsiteY4" fmla="*/ 6533252 h 6533252"/>
              <a:gd name="connsiteX5" fmla="*/ 883288 w 3667099"/>
              <a:gd name="connsiteY5" fmla="*/ 0 h 6533252"/>
              <a:gd name="connsiteX0" fmla="*/ 872030 w 3655841"/>
              <a:gd name="connsiteY0" fmla="*/ 0 h 6530754"/>
              <a:gd name="connsiteX1" fmla="*/ 3388531 w 3655841"/>
              <a:gd name="connsiteY1" fmla="*/ 12091 h 6530754"/>
              <a:gd name="connsiteX2" fmla="*/ 3337839 w 3655841"/>
              <a:gd name="connsiteY2" fmla="*/ 3936102 h 6530754"/>
              <a:gd name="connsiteX3" fmla="*/ 3250536 w 3655841"/>
              <a:gd name="connsiteY3" fmla="*/ 6530754 h 6530754"/>
              <a:gd name="connsiteX4" fmla="*/ 130158 w 3655841"/>
              <a:gd name="connsiteY4" fmla="*/ 6524626 h 6530754"/>
              <a:gd name="connsiteX5" fmla="*/ 872030 w 3655841"/>
              <a:gd name="connsiteY5" fmla="*/ 0 h 6530754"/>
              <a:gd name="connsiteX0" fmla="*/ 872030 w 3673514"/>
              <a:gd name="connsiteY0" fmla="*/ 0 h 6530754"/>
              <a:gd name="connsiteX1" fmla="*/ 3388531 w 3673514"/>
              <a:gd name="connsiteY1" fmla="*/ 12091 h 6530754"/>
              <a:gd name="connsiteX2" fmla="*/ 3250536 w 3673514"/>
              <a:gd name="connsiteY2" fmla="*/ 6530754 h 6530754"/>
              <a:gd name="connsiteX3" fmla="*/ 130158 w 3673514"/>
              <a:gd name="connsiteY3" fmla="*/ 6524626 h 6530754"/>
              <a:gd name="connsiteX4" fmla="*/ 872030 w 3673514"/>
              <a:gd name="connsiteY4" fmla="*/ 0 h 6530754"/>
              <a:gd name="connsiteX0" fmla="*/ 872030 w 3501426"/>
              <a:gd name="connsiteY0" fmla="*/ 0 h 6530754"/>
              <a:gd name="connsiteX1" fmla="*/ 3388531 w 3501426"/>
              <a:gd name="connsiteY1" fmla="*/ 12091 h 6530754"/>
              <a:gd name="connsiteX2" fmla="*/ 3250536 w 3501426"/>
              <a:gd name="connsiteY2" fmla="*/ 6530754 h 6530754"/>
              <a:gd name="connsiteX3" fmla="*/ 130158 w 3501426"/>
              <a:gd name="connsiteY3" fmla="*/ 6524626 h 6530754"/>
              <a:gd name="connsiteX4" fmla="*/ 872030 w 3501426"/>
              <a:gd name="connsiteY4" fmla="*/ 0 h 6530754"/>
              <a:gd name="connsiteX0" fmla="*/ 872030 w 3611943"/>
              <a:gd name="connsiteY0" fmla="*/ 0 h 6539380"/>
              <a:gd name="connsiteX1" fmla="*/ 3388531 w 3611943"/>
              <a:gd name="connsiteY1" fmla="*/ 12091 h 6539380"/>
              <a:gd name="connsiteX2" fmla="*/ 3397185 w 3611943"/>
              <a:gd name="connsiteY2" fmla="*/ 6539380 h 6539380"/>
              <a:gd name="connsiteX3" fmla="*/ 130158 w 3611943"/>
              <a:gd name="connsiteY3" fmla="*/ 6524626 h 6539380"/>
              <a:gd name="connsiteX4" fmla="*/ 872030 w 3611943"/>
              <a:gd name="connsiteY4" fmla="*/ 0 h 6539380"/>
              <a:gd name="connsiteX0" fmla="*/ 872030 w 3400064"/>
              <a:gd name="connsiteY0" fmla="*/ 0 h 6539380"/>
              <a:gd name="connsiteX1" fmla="*/ 3388531 w 3400064"/>
              <a:gd name="connsiteY1" fmla="*/ 12091 h 6539380"/>
              <a:gd name="connsiteX2" fmla="*/ 3397185 w 3400064"/>
              <a:gd name="connsiteY2" fmla="*/ 6539380 h 6539380"/>
              <a:gd name="connsiteX3" fmla="*/ 130158 w 3400064"/>
              <a:gd name="connsiteY3" fmla="*/ 6524626 h 6539380"/>
              <a:gd name="connsiteX4" fmla="*/ 872030 w 3400064"/>
              <a:gd name="connsiteY4" fmla="*/ 0 h 6539380"/>
              <a:gd name="connsiteX0" fmla="*/ 872030 w 3403601"/>
              <a:gd name="connsiteY0" fmla="*/ 0 h 6539380"/>
              <a:gd name="connsiteX1" fmla="*/ 3388531 w 3403601"/>
              <a:gd name="connsiteY1" fmla="*/ 12091 h 6539380"/>
              <a:gd name="connsiteX2" fmla="*/ 3397185 w 3403601"/>
              <a:gd name="connsiteY2" fmla="*/ 6539380 h 6539380"/>
              <a:gd name="connsiteX3" fmla="*/ 130158 w 3403601"/>
              <a:gd name="connsiteY3" fmla="*/ 6524626 h 6539380"/>
              <a:gd name="connsiteX4" fmla="*/ 872030 w 3403601"/>
              <a:gd name="connsiteY4" fmla="*/ 0 h 6539380"/>
              <a:gd name="connsiteX0" fmla="*/ 872030 w 3410094"/>
              <a:gd name="connsiteY0" fmla="*/ 0 h 6539380"/>
              <a:gd name="connsiteX1" fmla="*/ 3388531 w 3410094"/>
              <a:gd name="connsiteY1" fmla="*/ 12091 h 6539380"/>
              <a:gd name="connsiteX2" fmla="*/ 3397185 w 3410094"/>
              <a:gd name="connsiteY2" fmla="*/ 6539380 h 6539380"/>
              <a:gd name="connsiteX3" fmla="*/ 130158 w 3410094"/>
              <a:gd name="connsiteY3" fmla="*/ 6524626 h 6539380"/>
              <a:gd name="connsiteX4" fmla="*/ 872030 w 3410094"/>
              <a:gd name="connsiteY4" fmla="*/ 0 h 6539380"/>
              <a:gd name="connsiteX0" fmla="*/ 872030 w 3402550"/>
              <a:gd name="connsiteY0" fmla="*/ 0 h 6539380"/>
              <a:gd name="connsiteX1" fmla="*/ 3388531 w 3402550"/>
              <a:gd name="connsiteY1" fmla="*/ 12091 h 6539380"/>
              <a:gd name="connsiteX2" fmla="*/ 3397185 w 3402550"/>
              <a:gd name="connsiteY2" fmla="*/ 6539380 h 6539380"/>
              <a:gd name="connsiteX3" fmla="*/ 130158 w 3402550"/>
              <a:gd name="connsiteY3" fmla="*/ 6524626 h 6539380"/>
              <a:gd name="connsiteX4" fmla="*/ 872030 w 3402550"/>
              <a:gd name="connsiteY4" fmla="*/ 0 h 6539380"/>
              <a:gd name="connsiteX0" fmla="*/ 872030 w 3406836"/>
              <a:gd name="connsiteY0" fmla="*/ 5162 h 6544542"/>
              <a:gd name="connsiteX1" fmla="*/ 3397157 w 3406836"/>
              <a:gd name="connsiteY1" fmla="*/ 0 h 6544542"/>
              <a:gd name="connsiteX2" fmla="*/ 3397185 w 3406836"/>
              <a:gd name="connsiteY2" fmla="*/ 6544542 h 6544542"/>
              <a:gd name="connsiteX3" fmla="*/ 130158 w 3406836"/>
              <a:gd name="connsiteY3" fmla="*/ 6529788 h 6544542"/>
              <a:gd name="connsiteX4" fmla="*/ 872030 w 3406836"/>
              <a:gd name="connsiteY4" fmla="*/ 5162 h 6544542"/>
              <a:gd name="connsiteX0" fmla="*/ 866479 w 3401285"/>
              <a:gd name="connsiteY0" fmla="*/ 5162 h 6544542"/>
              <a:gd name="connsiteX1" fmla="*/ 3391606 w 3401285"/>
              <a:gd name="connsiteY1" fmla="*/ 0 h 6544542"/>
              <a:gd name="connsiteX2" fmla="*/ 3391634 w 3401285"/>
              <a:gd name="connsiteY2" fmla="*/ 6544542 h 6544542"/>
              <a:gd name="connsiteX3" fmla="*/ 133234 w 3401285"/>
              <a:gd name="connsiteY3" fmla="*/ 6538414 h 6544542"/>
              <a:gd name="connsiteX4" fmla="*/ 866479 w 3401285"/>
              <a:gd name="connsiteY4" fmla="*/ 5162 h 6544542"/>
              <a:gd name="connsiteX0" fmla="*/ 866479 w 3401285"/>
              <a:gd name="connsiteY0" fmla="*/ 22415 h 6544542"/>
              <a:gd name="connsiteX1" fmla="*/ 3391606 w 3401285"/>
              <a:gd name="connsiteY1" fmla="*/ 0 h 6544542"/>
              <a:gd name="connsiteX2" fmla="*/ 3391634 w 3401285"/>
              <a:gd name="connsiteY2" fmla="*/ 6544542 h 6544542"/>
              <a:gd name="connsiteX3" fmla="*/ 133234 w 3401285"/>
              <a:gd name="connsiteY3" fmla="*/ 6538414 h 6544542"/>
              <a:gd name="connsiteX4" fmla="*/ 866479 w 3401285"/>
              <a:gd name="connsiteY4" fmla="*/ 22415 h 6544542"/>
              <a:gd name="connsiteX0" fmla="*/ 866479 w 3401285"/>
              <a:gd name="connsiteY0" fmla="*/ 13788 h 6535915"/>
              <a:gd name="connsiteX1" fmla="*/ 3391606 w 3401285"/>
              <a:gd name="connsiteY1" fmla="*/ 0 h 6535915"/>
              <a:gd name="connsiteX2" fmla="*/ 3391634 w 3401285"/>
              <a:gd name="connsiteY2" fmla="*/ 6535915 h 6535915"/>
              <a:gd name="connsiteX3" fmla="*/ 133234 w 3401285"/>
              <a:gd name="connsiteY3" fmla="*/ 6529787 h 6535915"/>
              <a:gd name="connsiteX4" fmla="*/ 866479 w 3401285"/>
              <a:gd name="connsiteY4" fmla="*/ 13788 h 6535915"/>
              <a:gd name="connsiteX0" fmla="*/ 866479 w 3414449"/>
              <a:gd name="connsiteY0" fmla="*/ 5161 h 6527288"/>
              <a:gd name="connsiteX1" fmla="*/ 3408859 w 3414449"/>
              <a:gd name="connsiteY1" fmla="*/ 0 h 6527288"/>
              <a:gd name="connsiteX2" fmla="*/ 3391634 w 3414449"/>
              <a:gd name="connsiteY2" fmla="*/ 6527288 h 6527288"/>
              <a:gd name="connsiteX3" fmla="*/ 133234 w 3414449"/>
              <a:gd name="connsiteY3" fmla="*/ 6521160 h 6527288"/>
              <a:gd name="connsiteX4" fmla="*/ 866479 w 3414449"/>
              <a:gd name="connsiteY4" fmla="*/ 5161 h 6527288"/>
              <a:gd name="connsiteX0" fmla="*/ 866479 w 3401285"/>
              <a:gd name="connsiteY0" fmla="*/ 0 h 6522127"/>
              <a:gd name="connsiteX1" fmla="*/ 3391606 w 3401285"/>
              <a:gd name="connsiteY1" fmla="*/ 12091 h 6522127"/>
              <a:gd name="connsiteX2" fmla="*/ 3391634 w 3401285"/>
              <a:gd name="connsiteY2" fmla="*/ 6522127 h 6522127"/>
              <a:gd name="connsiteX3" fmla="*/ 133234 w 3401285"/>
              <a:gd name="connsiteY3" fmla="*/ 6515999 h 6522127"/>
              <a:gd name="connsiteX4" fmla="*/ 866479 w 3401285"/>
              <a:gd name="connsiteY4" fmla="*/ 0 h 6522127"/>
              <a:gd name="connsiteX0" fmla="*/ 866479 w 3401285"/>
              <a:gd name="connsiteY0" fmla="*/ 5161 h 6527288"/>
              <a:gd name="connsiteX1" fmla="*/ 3391606 w 3401285"/>
              <a:gd name="connsiteY1" fmla="*/ 0 h 6527288"/>
              <a:gd name="connsiteX2" fmla="*/ 3391634 w 3401285"/>
              <a:gd name="connsiteY2" fmla="*/ 6527288 h 6527288"/>
              <a:gd name="connsiteX3" fmla="*/ 133234 w 3401285"/>
              <a:gd name="connsiteY3" fmla="*/ 6521160 h 6527288"/>
              <a:gd name="connsiteX4" fmla="*/ 866479 w 3401285"/>
              <a:gd name="connsiteY4" fmla="*/ 5161 h 6527288"/>
              <a:gd name="connsiteX0" fmla="*/ 866479 w 3401285"/>
              <a:gd name="connsiteY0" fmla="*/ 0 h 6522127"/>
              <a:gd name="connsiteX1" fmla="*/ 3391606 w 3401285"/>
              <a:gd name="connsiteY1" fmla="*/ 3465 h 6522127"/>
              <a:gd name="connsiteX2" fmla="*/ 3391634 w 3401285"/>
              <a:gd name="connsiteY2" fmla="*/ 6522127 h 6522127"/>
              <a:gd name="connsiteX3" fmla="*/ 133234 w 3401285"/>
              <a:gd name="connsiteY3" fmla="*/ 6515999 h 6522127"/>
              <a:gd name="connsiteX4" fmla="*/ 866479 w 3401285"/>
              <a:gd name="connsiteY4" fmla="*/ 0 h 6522127"/>
              <a:gd name="connsiteX0" fmla="*/ 866479 w 3407365"/>
              <a:gd name="connsiteY0" fmla="*/ 0 h 6522127"/>
              <a:gd name="connsiteX1" fmla="*/ 3400232 w 3407365"/>
              <a:gd name="connsiteY1" fmla="*/ 12091 h 6522127"/>
              <a:gd name="connsiteX2" fmla="*/ 3391634 w 3407365"/>
              <a:gd name="connsiteY2" fmla="*/ 6522127 h 6522127"/>
              <a:gd name="connsiteX3" fmla="*/ 133234 w 3407365"/>
              <a:gd name="connsiteY3" fmla="*/ 6515999 h 6522127"/>
              <a:gd name="connsiteX4" fmla="*/ 866479 w 3407365"/>
              <a:gd name="connsiteY4" fmla="*/ 0 h 6522127"/>
              <a:gd name="connsiteX0" fmla="*/ 866479 w 3414448"/>
              <a:gd name="connsiteY0" fmla="*/ 0 h 6522127"/>
              <a:gd name="connsiteX1" fmla="*/ 3408858 w 3414448"/>
              <a:gd name="connsiteY1" fmla="*/ 12091 h 6522127"/>
              <a:gd name="connsiteX2" fmla="*/ 3391634 w 3414448"/>
              <a:gd name="connsiteY2" fmla="*/ 6522127 h 6522127"/>
              <a:gd name="connsiteX3" fmla="*/ 133234 w 3414448"/>
              <a:gd name="connsiteY3" fmla="*/ 6515999 h 6522127"/>
              <a:gd name="connsiteX4" fmla="*/ 866479 w 3414448"/>
              <a:gd name="connsiteY4" fmla="*/ 0 h 6522127"/>
              <a:gd name="connsiteX0" fmla="*/ 866479 w 3409127"/>
              <a:gd name="connsiteY0" fmla="*/ 0 h 6522127"/>
              <a:gd name="connsiteX1" fmla="*/ 3402464 w 3409127"/>
              <a:gd name="connsiteY1" fmla="*/ 2499 h 6522127"/>
              <a:gd name="connsiteX2" fmla="*/ 3391634 w 3409127"/>
              <a:gd name="connsiteY2" fmla="*/ 6522127 h 6522127"/>
              <a:gd name="connsiteX3" fmla="*/ 133234 w 3409127"/>
              <a:gd name="connsiteY3" fmla="*/ 6515999 h 6522127"/>
              <a:gd name="connsiteX4" fmla="*/ 866479 w 3409127"/>
              <a:gd name="connsiteY4" fmla="*/ 0 h 6522127"/>
              <a:gd name="connsiteX0" fmla="*/ 866479 w 3409127"/>
              <a:gd name="connsiteY0" fmla="*/ 3895 h 6526022"/>
              <a:gd name="connsiteX1" fmla="*/ 3402464 w 3409127"/>
              <a:gd name="connsiteY1" fmla="*/ 0 h 6526022"/>
              <a:gd name="connsiteX2" fmla="*/ 3391634 w 3409127"/>
              <a:gd name="connsiteY2" fmla="*/ 6526022 h 6526022"/>
              <a:gd name="connsiteX3" fmla="*/ 133234 w 3409127"/>
              <a:gd name="connsiteY3" fmla="*/ 6519894 h 6526022"/>
              <a:gd name="connsiteX4" fmla="*/ 866479 w 3409127"/>
              <a:gd name="connsiteY4" fmla="*/ 3895 h 6526022"/>
              <a:gd name="connsiteX0" fmla="*/ 866479 w 3409127"/>
              <a:gd name="connsiteY0" fmla="*/ 0 h 6522127"/>
              <a:gd name="connsiteX1" fmla="*/ 3402464 w 3409127"/>
              <a:gd name="connsiteY1" fmla="*/ 2499 h 6522127"/>
              <a:gd name="connsiteX2" fmla="*/ 3391634 w 3409127"/>
              <a:gd name="connsiteY2" fmla="*/ 6522127 h 6522127"/>
              <a:gd name="connsiteX3" fmla="*/ 133234 w 3409127"/>
              <a:gd name="connsiteY3" fmla="*/ 6515999 h 6522127"/>
              <a:gd name="connsiteX4" fmla="*/ 866479 w 3409127"/>
              <a:gd name="connsiteY4" fmla="*/ 0 h 6522127"/>
              <a:gd name="connsiteX0" fmla="*/ 866479 w 3409127"/>
              <a:gd name="connsiteY0" fmla="*/ 0 h 6522127"/>
              <a:gd name="connsiteX1" fmla="*/ 3402464 w 3409127"/>
              <a:gd name="connsiteY1" fmla="*/ 5696 h 6522127"/>
              <a:gd name="connsiteX2" fmla="*/ 3391634 w 3409127"/>
              <a:gd name="connsiteY2" fmla="*/ 6522127 h 6522127"/>
              <a:gd name="connsiteX3" fmla="*/ 133234 w 3409127"/>
              <a:gd name="connsiteY3" fmla="*/ 6515999 h 6522127"/>
              <a:gd name="connsiteX4" fmla="*/ 866479 w 3409127"/>
              <a:gd name="connsiteY4" fmla="*/ 0 h 6522127"/>
              <a:gd name="connsiteX0" fmla="*/ 866479 w 3409127"/>
              <a:gd name="connsiteY0" fmla="*/ 0 h 6522127"/>
              <a:gd name="connsiteX1" fmla="*/ 3402464 w 3409127"/>
              <a:gd name="connsiteY1" fmla="*/ 2499 h 6522127"/>
              <a:gd name="connsiteX2" fmla="*/ 3391634 w 3409127"/>
              <a:gd name="connsiteY2" fmla="*/ 6522127 h 6522127"/>
              <a:gd name="connsiteX3" fmla="*/ 133234 w 3409127"/>
              <a:gd name="connsiteY3" fmla="*/ 6515999 h 6522127"/>
              <a:gd name="connsiteX4" fmla="*/ 866479 w 3409127"/>
              <a:gd name="connsiteY4" fmla="*/ 0 h 6522127"/>
              <a:gd name="connsiteX0" fmla="*/ 866479 w 3406623"/>
              <a:gd name="connsiteY0" fmla="*/ 3896 h 6526023"/>
              <a:gd name="connsiteX1" fmla="*/ 3399267 w 3406623"/>
              <a:gd name="connsiteY1" fmla="*/ 0 h 6526023"/>
              <a:gd name="connsiteX2" fmla="*/ 3391634 w 3406623"/>
              <a:gd name="connsiteY2" fmla="*/ 6526023 h 6526023"/>
              <a:gd name="connsiteX3" fmla="*/ 133234 w 3406623"/>
              <a:gd name="connsiteY3" fmla="*/ 6519895 h 6526023"/>
              <a:gd name="connsiteX4" fmla="*/ 866479 w 3406623"/>
              <a:gd name="connsiteY4" fmla="*/ 3896 h 6526023"/>
              <a:gd name="connsiteX0" fmla="*/ 866479 w 3406623"/>
              <a:gd name="connsiteY0" fmla="*/ 13487 h 6535614"/>
              <a:gd name="connsiteX1" fmla="*/ 3399267 w 3406623"/>
              <a:gd name="connsiteY1" fmla="*/ 0 h 6535614"/>
              <a:gd name="connsiteX2" fmla="*/ 3391634 w 3406623"/>
              <a:gd name="connsiteY2" fmla="*/ 6535614 h 6535614"/>
              <a:gd name="connsiteX3" fmla="*/ 133234 w 3406623"/>
              <a:gd name="connsiteY3" fmla="*/ 6529486 h 6535614"/>
              <a:gd name="connsiteX4" fmla="*/ 866479 w 3406623"/>
              <a:gd name="connsiteY4" fmla="*/ 13487 h 6535614"/>
              <a:gd name="connsiteX0" fmla="*/ 866479 w 3406623"/>
              <a:gd name="connsiteY0" fmla="*/ 3896 h 6526023"/>
              <a:gd name="connsiteX1" fmla="*/ 3399267 w 3406623"/>
              <a:gd name="connsiteY1" fmla="*/ 0 h 6526023"/>
              <a:gd name="connsiteX2" fmla="*/ 3391634 w 3406623"/>
              <a:gd name="connsiteY2" fmla="*/ 6526023 h 6526023"/>
              <a:gd name="connsiteX3" fmla="*/ 133234 w 3406623"/>
              <a:gd name="connsiteY3" fmla="*/ 6519895 h 6526023"/>
              <a:gd name="connsiteX4" fmla="*/ 866479 w 3406623"/>
              <a:gd name="connsiteY4" fmla="*/ 3896 h 6526023"/>
              <a:gd name="connsiteX0" fmla="*/ 866479 w 3409127"/>
              <a:gd name="connsiteY0" fmla="*/ 0 h 6522127"/>
              <a:gd name="connsiteX1" fmla="*/ 3402464 w 3409127"/>
              <a:gd name="connsiteY1" fmla="*/ 2499 h 6522127"/>
              <a:gd name="connsiteX2" fmla="*/ 3391634 w 3409127"/>
              <a:gd name="connsiteY2" fmla="*/ 6522127 h 6522127"/>
              <a:gd name="connsiteX3" fmla="*/ 133234 w 3409127"/>
              <a:gd name="connsiteY3" fmla="*/ 6515999 h 6522127"/>
              <a:gd name="connsiteX4" fmla="*/ 866479 w 3409127"/>
              <a:gd name="connsiteY4" fmla="*/ 0 h 65221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9127" h="6522127">
                <a:moveTo>
                  <a:pt x="866479" y="0"/>
                </a:moveTo>
                <a:lnTo>
                  <a:pt x="3402464" y="2499"/>
                </a:lnTo>
                <a:cubicBezTo>
                  <a:pt x="3419320" y="2824867"/>
                  <a:pt x="3399859" y="5238298"/>
                  <a:pt x="3391634" y="6522127"/>
                </a:cubicBezTo>
                <a:lnTo>
                  <a:pt x="133234" y="6515999"/>
                </a:lnTo>
                <a:cubicBezTo>
                  <a:pt x="3837" y="5994520"/>
                  <a:pt x="-298087" y="3143909"/>
                  <a:pt x="866479" y="0"/>
                </a:cubicBezTo>
                <a:close/>
              </a:path>
            </a:pathLst>
          </a:custGeom>
          <a:solidFill>
            <a:srgbClr val="93A5B0"/>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lvl1pPr marL="0" indent="0" algn="r">
              <a:buFontTx/>
              <a:buNone/>
              <a:defRPr sz="1600"/>
            </a:lvl1pPr>
          </a:lstStyle>
          <a:p>
            <a:pPr marL="0" marR="0" lvl="0" indent="0" algn="r" defTabSz="914400" rtl="0" eaLnBrk="1" fontAlgn="base" latinLnBrk="0" hangingPunct="1">
              <a:lnSpc>
                <a:spcPct val="100000"/>
              </a:lnSpc>
              <a:spcBef>
                <a:spcPct val="20000"/>
              </a:spcBef>
              <a:spcAft>
                <a:spcPct val="0"/>
              </a:spcAft>
              <a:buClr>
                <a:srgbClr val="A80C35"/>
              </a:buClr>
              <a:buSzTx/>
              <a:buFontTx/>
              <a:buNone/>
              <a:tabLst/>
              <a:defRPr/>
            </a:pPr>
            <a:r>
              <a:rPr lang="en-GB" dirty="0"/>
              <a:t>Insert image via the Templafy pane</a:t>
            </a:r>
            <a:endParaRPr lang="en-GB"/>
          </a:p>
          <a:p>
            <a:endParaRPr lang="en-GB" dirty="0"/>
          </a:p>
        </p:txBody>
      </p:sp>
      <p:sp>
        <p:nvSpPr>
          <p:cNvPr id="7" name="Rectangle 11">
            <a:extLst>
              <a:ext uri="{FF2B5EF4-FFF2-40B4-BE49-F238E27FC236}">
                <a16:creationId xmlns:a16="http://schemas.microsoft.com/office/drawing/2014/main" id="{92F87D8D-31A8-43AB-B633-EC361C68D47F}"/>
              </a:ext>
            </a:extLst>
          </p:cNvPr>
          <p:cNvSpPr>
            <a:spLocks noGrp="1" noChangeArrowheads="1"/>
          </p:cNvSpPr>
          <p:nvPr>
            <p:ph type="sldNum" sz="quarter" idx="10"/>
          </p:nvPr>
        </p:nvSpPr>
        <p:spPr>
          <a:xfrm>
            <a:off x="9227864" y="6381328"/>
            <a:ext cx="2844800" cy="287338"/>
          </a:xfrm>
          <a:prstGeom prst="rect">
            <a:avLst/>
          </a:prstGeom>
        </p:spPr>
        <p:txBody>
          <a:bodyPr/>
          <a:lstStyle>
            <a:lvl1pPr algn="r">
              <a:defRPr sz="1050">
                <a:solidFill>
                  <a:schemeClr val="tx1"/>
                </a:solidFill>
              </a:defRPr>
            </a:lvl1pPr>
          </a:lstStyle>
          <a:p>
            <a:pPr>
              <a:defRPr/>
            </a:pPr>
            <a:fld id="{0E808A4E-B55F-4717-AB09-68D98B68A291}" type="slidenum">
              <a:rPr lang="en-GB" smtClean="0"/>
              <a:pPr>
                <a:defRPr/>
              </a:pPr>
              <a:t>‹#›</a:t>
            </a:fld>
            <a:endParaRPr lang="en-GB" dirty="0"/>
          </a:p>
        </p:txBody>
      </p:sp>
      <p:sp>
        <p:nvSpPr>
          <p:cNvPr id="8" name="Rectangle 9">
            <a:extLst>
              <a:ext uri="{FF2B5EF4-FFF2-40B4-BE49-F238E27FC236}">
                <a16:creationId xmlns:a16="http://schemas.microsoft.com/office/drawing/2014/main" id="{A6F50F05-3C56-4A30-90A5-1835E3880386}"/>
              </a:ext>
            </a:extLst>
          </p:cNvPr>
          <p:cNvSpPr>
            <a:spLocks noGrp="1" noChangeArrowheads="1"/>
          </p:cNvSpPr>
          <p:nvPr>
            <p:ph type="title"/>
          </p:nvPr>
        </p:nvSpPr>
        <p:spPr bwMode="auto">
          <a:xfrm>
            <a:off x="406400" y="326364"/>
            <a:ext cx="8569920"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
        <p:nvSpPr>
          <p:cNvPr id="2" name="Rectangle 1" descr="{&quot;templafy&quot;:{&quot;id&quot;:&quot;87ae082d-cea0-443c-9877-cb551aa538c5&quot;}}">
            <a:extLst>
              <a:ext uri="{FF2B5EF4-FFF2-40B4-BE49-F238E27FC236}">
                <a16:creationId xmlns:a16="http://schemas.microsoft.com/office/drawing/2014/main" id="{C467080B-F6DC-0D72-E647-390864808F37}"/>
              </a:ext>
            </a:extLst>
          </p:cNvPr>
          <p:cNvSpPr/>
          <p:nvPr userDrawn="1"/>
        </p:nvSpPr>
        <p:spPr bwMode="auto">
          <a:xfrm>
            <a:off x="335360" y="6565180"/>
            <a:ext cx="1717328" cy="19911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GB" sz="1050" b="1" i="0" u="none" strike="noStrike" cap="none" normalizeH="0" baseline="0" dirty="0">
              <a:ln>
                <a:noFill/>
              </a:ln>
              <a:solidFill>
                <a:schemeClr val="tx1"/>
              </a:solidFill>
              <a:effectLst/>
              <a:latin typeface="+mn-lt"/>
              <a:ea typeface="ＭＳ Ｐゴシック" pitchFamily="-128" charset="-128"/>
            </a:endParaRPr>
          </a:p>
        </p:txBody>
      </p:sp>
    </p:spTree>
    <p:extLst>
      <p:ext uri="{BB962C8B-B14F-4D97-AF65-F5344CB8AC3E}">
        <p14:creationId xmlns:p14="http://schemas.microsoft.com/office/powerpoint/2010/main" val="501084800"/>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a:xfrm>
            <a:off x="406401" y="1340767"/>
            <a:ext cx="9434016" cy="5363245"/>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6" name="Picture Placeholder 6">
            <a:extLst>
              <a:ext uri="{FF2B5EF4-FFF2-40B4-BE49-F238E27FC236}">
                <a16:creationId xmlns:a16="http://schemas.microsoft.com/office/drawing/2014/main" id="{B12DD471-AAE8-4ECB-9587-8337F0970E1D}"/>
              </a:ext>
            </a:extLst>
          </p:cNvPr>
          <p:cNvSpPr>
            <a:spLocks noGrp="1"/>
          </p:cNvSpPr>
          <p:nvPr>
            <p:ph type="pic" sz="quarter" idx="12" hasCustomPrompt="1"/>
          </p:nvPr>
        </p:nvSpPr>
        <p:spPr bwMode="auto">
          <a:xfrm>
            <a:off x="9887844" y="333375"/>
            <a:ext cx="2304156" cy="6522807"/>
          </a:xfrm>
          <a:custGeom>
            <a:avLst/>
            <a:gdLst>
              <a:gd name="connsiteX0" fmla="*/ 0 w 2268537"/>
              <a:gd name="connsiteY0" fmla="*/ 0 h 6524625"/>
              <a:gd name="connsiteX1" fmla="*/ 1890440 w 2268537"/>
              <a:gd name="connsiteY1" fmla="*/ 0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1585047 w 2268537"/>
              <a:gd name="connsiteY2" fmla="*/ 1070824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9236 h 6533861"/>
              <a:gd name="connsiteX1" fmla="*/ 1216185 w 2268537"/>
              <a:gd name="connsiteY1" fmla="*/ 0 h 6533861"/>
              <a:gd name="connsiteX2" fmla="*/ 1585047 w 2268537"/>
              <a:gd name="connsiteY2" fmla="*/ 1080060 h 6533861"/>
              <a:gd name="connsiteX3" fmla="*/ 2268537 w 2268537"/>
              <a:gd name="connsiteY3" fmla="*/ 6533861 h 6533861"/>
              <a:gd name="connsiteX4" fmla="*/ 0 w 2268537"/>
              <a:gd name="connsiteY4" fmla="*/ 6533861 h 6533861"/>
              <a:gd name="connsiteX5" fmla="*/ 0 w 2268537"/>
              <a:gd name="connsiteY5" fmla="*/ 9236 h 6533861"/>
              <a:gd name="connsiteX0" fmla="*/ 0 w 2243137"/>
              <a:gd name="connsiteY0" fmla="*/ 9236 h 6533861"/>
              <a:gd name="connsiteX1" fmla="*/ 1216185 w 2243137"/>
              <a:gd name="connsiteY1" fmla="*/ 0 h 6533861"/>
              <a:gd name="connsiteX2" fmla="*/ 1585047 w 2243137"/>
              <a:gd name="connsiteY2" fmla="*/ 1080060 h 6533861"/>
              <a:gd name="connsiteX3" fmla="*/ 2243137 w 2243137"/>
              <a:gd name="connsiteY3" fmla="*/ 6533861 h 6533861"/>
              <a:gd name="connsiteX4" fmla="*/ 0 w 2243137"/>
              <a:gd name="connsiteY4" fmla="*/ 6533861 h 6533861"/>
              <a:gd name="connsiteX5" fmla="*/ 0 w 2243137"/>
              <a:gd name="connsiteY5"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60600 w 2260600"/>
              <a:gd name="connsiteY3" fmla="*/ 5587711 h 6533861"/>
              <a:gd name="connsiteX4" fmla="*/ 2243137 w 2260600"/>
              <a:gd name="connsiteY4" fmla="*/ 6533861 h 6533861"/>
              <a:gd name="connsiteX5" fmla="*/ 0 w 2260600"/>
              <a:gd name="connsiteY5" fmla="*/ 6533861 h 6533861"/>
              <a:gd name="connsiteX6" fmla="*/ 0 w 2260600"/>
              <a:gd name="connsiteY6" fmla="*/ 9236 h 6533861"/>
              <a:gd name="connsiteX0" fmla="*/ 0 w 2270649"/>
              <a:gd name="connsiteY0" fmla="*/ 9236 h 6533861"/>
              <a:gd name="connsiteX1" fmla="*/ 1216185 w 2270649"/>
              <a:gd name="connsiteY1" fmla="*/ 0 h 6533861"/>
              <a:gd name="connsiteX2" fmla="*/ 1585047 w 2270649"/>
              <a:gd name="connsiteY2" fmla="*/ 1080060 h 6533861"/>
              <a:gd name="connsiteX3" fmla="*/ 2209800 w 2270649"/>
              <a:gd name="connsiteY3" fmla="*/ 4463761 h 6533861"/>
              <a:gd name="connsiteX4" fmla="*/ 2260600 w 2270649"/>
              <a:gd name="connsiteY4" fmla="*/ 5587711 h 6533861"/>
              <a:gd name="connsiteX5" fmla="*/ 2243137 w 2270649"/>
              <a:gd name="connsiteY5" fmla="*/ 6533861 h 6533861"/>
              <a:gd name="connsiteX6" fmla="*/ 0 w 2270649"/>
              <a:gd name="connsiteY6" fmla="*/ 6533861 h 6533861"/>
              <a:gd name="connsiteX7" fmla="*/ 0 w 2270649"/>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098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73405"/>
              <a:gd name="connsiteY0" fmla="*/ 9236 h 6533861"/>
              <a:gd name="connsiteX1" fmla="*/ 1216185 w 2273405"/>
              <a:gd name="connsiteY1" fmla="*/ 0 h 6533861"/>
              <a:gd name="connsiteX2" fmla="*/ 1585047 w 2273405"/>
              <a:gd name="connsiteY2" fmla="*/ 1080060 h 6533861"/>
              <a:gd name="connsiteX3" fmla="*/ 2235200 w 2273405"/>
              <a:gd name="connsiteY3" fmla="*/ 4463761 h 6533861"/>
              <a:gd name="connsiteX4" fmla="*/ 2260600 w 2273405"/>
              <a:gd name="connsiteY4" fmla="*/ 5587711 h 6533861"/>
              <a:gd name="connsiteX5" fmla="*/ 2243137 w 2273405"/>
              <a:gd name="connsiteY5" fmla="*/ 6533861 h 6533861"/>
              <a:gd name="connsiteX6" fmla="*/ 0 w 2273405"/>
              <a:gd name="connsiteY6" fmla="*/ 6533861 h 6533861"/>
              <a:gd name="connsiteX7" fmla="*/ 0 w 2273405"/>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352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1898650 w 2260600"/>
              <a:gd name="connsiteY3" fmla="*/ 2279361 h 6533861"/>
              <a:gd name="connsiteX4" fmla="*/ 2095500 w 2260600"/>
              <a:gd name="connsiteY4" fmla="*/ 3454111 h 6533861"/>
              <a:gd name="connsiteX5" fmla="*/ 2235200 w 2260600"/>
              <a:gd name="connsiteY5" fmla="*/ 4463761 h 6533861"/>
              <a:gd name="connsiteX6" fmla="*/ 2260600 w 2260600"/>
              <a:gd name="connsiteY6" fmla="*/ 5587711 h 6533861"/>
              <a:gd name="connsiteX7" fmla="*/ 2243137 w 2260600"/>
              <a:gd name="connsiteY7" fmla="*/ 6533861 h 6533861"/>
              <a:gd name="connsiteX8" fmla="*/ 0 w 2260600"/>
              <a:gd name="connsiteY8" fmla="*/ 6533861 h 6533861"/>
              <a:gd name="connsiteX9" fmla="*/ 0 w 2260600"/>
              <a:gd name="connsiteY9"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1898650 w 2260600"/>
              <a:gd name="connsiteY3" fmla="*/ 2279361 h 6533861"/>
              <a:gd name="connsiteX4" fmla="*/ 2095500 w 2260600"/>
              <a:gd name="connsiteY4" fmla="*/ 3315566 h 6533861"/>
              <a:gd name="connsiteX5" fmla="*/ 2235200 w 2260600"/>
              <a:gd name="connsiteY5" fmla="*/ 4463761 h 6533861"/>
              <a:gd name="connsiteX6" fmla="*/ 2260600 w 2260600"/>
              <a:gd name="connsiteY6" fmla="*/ 5587711 h 6533861"/>
              <a:gd name="connsiteX7" fmla="*/ 2243137 w 2260600"/>
              <a:gd name="connsiteY7" fmla="*/ 6533861 h 6533861"/>
              <a:gd name="connsiteX8" fmla="*/ 0 w 2260600"/>
              <a:gd name="connsiteY8" fmla="*/ 6533861 h 6533861"/>
              <a:gd name="connsiteX9" fmla="*/ 0 w 2260600"/>
              <a:gd name="connsiteY9" fmla="*/ 9236 h 6533861"/>
              <a:gd name="connsiteX0" fmla="*/ 0 w 2260600"/>
              <a:gd name="connsiteY0" fmla="*/ 0 h 6524625"/>
              <a:gd name="connsiteX1" fmla="*/ 1349189 w 2260600"/>
              <a:gd name="connsiteY1" fmla="*/ 1848 h 6524625"/>
              <a:gd name="connsiteX2" fmla="*/ 1585047 w 2260600"/>
              <a:gd name="connsiteY2" fmla="*/ 1070824 h 6524625"/>
              <a:gd name="connsiteX3" fmla="*/ 1898650 w 2260600"/>
              <a:gd name="connsiteY3" fmla="*/ 2270125 h 6524625"/>
              <a:gd name="connsiteX4" fmla="*/ 2095500 w 2260600"/>
              <a:gd name="connsiteY4" fmla="*/ 3306330 h 6524625"/>
              <a:gd name="connsiteX5" fmla="*/ 2235200 w 2260600"/>
              <a:gd name="connsiteY5" fmla="*/ 4454525 h 6524625"/>
              <a:gd name="connsiteX6" fmla="*/ 2260600 w 2260600"/>
              <a:gd name="connsiteY6" fmla="*/ 5578475 h 6524625"/>
              <a:gd name="connsiteX7" fmla="*/ 2243137 w 2260600"/>
              <a:gd name="connsiteY7" fmla="*/ 6524625 h 6524625"/>
              <a:gd name="connsiteX8" fmla="*/ 0 w 2260600"/>
              <a:gd name="connsiteY8" fmla="*/ 6524625 h 6524625"/>
              <a:gd name="connsiteX9" fmla="*/ 0 w 2260600"/>
              <a:gd name="connsiteY9" fmla="*/ 0 h 6524625"/>
              <a:gd name="connsiteX0" fmla="*/ 0 w 2260600"/>
              <a:gd name="connsiteY0" fmla="*/ 0 h 6524625"/>
              <a:gd name="connsiteX1" fmla="*/ 1349189 w 2260600"/>
              <a:gd name="connsiteY1" fmla="*/ 1848 h 6524625"/>
              <a:gd name="connsiteX2" fmla="*/ 1898650 w 2260600"/>
              <a:gd name="connsiteY2" fmla="*/ 2270125 h 6524625"/>
              <a:gd name="connsiteX3" fmla="*/ 2095500 w 2260600"/>
              <a:gd name="connsiteY3" fmla="*/ 3306330 h 6524625"/>
              <a:gd name="connsiteX4" fmla="*/ 2235200 w 2260600"/>
              <a:gd name="connsiteY4" fmla="*/ 4454525 h 6524625"/>
              <a:gd name="connsiteX5" fmla="*/ 2260600 w 2260600"/>
              <a:gd name="connsiteY5" fmla="*/ 5578475 h 6524625"/>
              <a:gd name="connsiteX6" fmla="*/ 2243137 w 2260600"/>
              <a:gd name="connsiteY6" fmla="*/ 6524625 h 6524625"/>
              <a:gd name="connsiteX7" fmla="*/ 0 w 2260600"/>
              <a:gd name="connsiteY7" fmla="*/ 6524625 h 6524625"/>
              <a:gd name="connsiteX8" fmla="*/ 0 w 2260600"/>
              <a:gd name="connsiteY8" fmla="*/ 0 h 6524625"/>
              <a:gd name="connsiteX0" fmla="*/ 0 w 2260600"/>
              <a:gd name="connsiteY0" fmla="*/ 0 h 6524625"/>
              <a:gd name="connsiteX1" fmla="*/ 1349189 w 2260600"/>
              <a:gd name="connsiteY1" fmla="*/ 1848 h 6524625"/>
              <a:gd name="connsiteX2" fmla="*/ 2095500 w 2260600"/>
              <a:gd name="connsiteY2" fmla="*/ 3306330 h 6524625"/>
              <a:gd name="connsiteX3" fmla="*/ 2235200 w 2260600"/>
              <a:gd name="connsiteY3" fmla="*/ 4454525 h 6524625"/>
              <a:gd name="connsiteX4" fmla="*/ 2260600 w 2260600"/>
              <a:gd name="connsiteY4" fmla="*/ 5578475 h 6524625"/>
              <a:gd name="connsiteX5" fmla="*/ 2243137 w 2260600"/>
              <a:gd name="connsiteY5" fmla="*/ 6524625 h 6524625"/>
              <a:gd name="connsiteX6" fmla="*/ 0 w 2260600"/>
              <a:gd name="connsiteY6" fmla="*/ 6524625 h 6524625"/>
              <a:gd name="connsiteX7" fmla="*/ 0 w 2260600"/>
              <a:gd name="connsiteY7" fmla="*/ 0 h 6524625"/>
              <a:gd name="connsiteX0" fmla="*/ 0 w 2260600"/>
              <a:gd name="connsiteY0" fmla="*/ 0 h 6524625"/>
              <a:gd name="connsiteX1" fmla="*/ 1349189 w 2260600"/>
              <a:gd name="connsiteY1" fmla="*/ 1848 h 6524625"/>
              <a:gd name="connsiteX2" fmla="*/ 2167543 w 2260600"/>
              <a:gd name="connsiteY2" fmla="*/ 3306330 h 6524625"/>
              <a:gd name="connsiteX3" fmla="*/ 2235200 w 2260600"/>
              <a:gd name="connsiteY3" fmla="*/ 4454525 h 6524625"/>
              <a:gd name="connsiteX4" fmla="*/ 2260600 w 2260600"/>
              <a:gd name="connsiteY4" fmla="*/ 5578475 h 6524625"/>
              <a:gd name="connsiteX5" fmla="*/ 2243137 w 2260600"/>
              <a:gd name="connsiteY5" fmla="*/ 6524625 h 6524625"/>
              <a:gd name="connsiteX6" fmla="*/ 0 w 2260600"/>
              <a:gd name="connsiteY6" fmla="*/ 6524625 h 6524625"/>
              <a:gd name="connsiteX7" fmla="*/ 0 w 2260600"/>
              <a:gd name="connsiteY7" fmla="*/ 0 h 6524625"/>
              <a:gd name="connsiteX0" fmla="*/ 0 w 2260600"/>
              <a:gd name="connsiteY0" fmla="*/ 0 h 6524625"/>
              <a:gd name="connsiteX1" fmla="*/ 1349189 w 2260600"/>
              <a:gd name="connsiteY1" fmla="*/ 1848 h 6524625"/>
              <a:gd name="connsiteX2" fmla="*/ 2167543 w 2260600"/>
              <a:gd name="connsiteY2" fmla="*/ 3306330 h 6524625"/>
              <a:gd name="connsiteX3" fmla="*/ 2235200 w 2260600"/>
              <a:gd name="connsiteY3" fmla="*/ 4454525 h 6524625"/>
              <a:gd name="connsiteX4" fmla="*/ 2260600 w 2260600"/>
              <a:gd name="connsiteY4" fmla="*/ 5578475 h 6524625"/>
              <a:gd name="connsiteX5" fmla="*/ 2243137 w 2260600"/>
              <a:gd name="connsiteY5" fmla="*/ 6524625 h 6524625"/>
              <a:gd name="connsiteX6" fmla="*/ 0 w 2260600"/>
              <a:gd name="connsiteY6" fmla="*/ 6524625 h 6524625"/>
              <a:gd name="connsiteX7" fmla="*/ 0 w 2260600"/>
              <a:gd name="connsiteY7" fmla="*/ 0 h 6524625"/>
              <a:gd name="connsiteX0" fmla="*/ 0 w 2260600"/>
              <a:gd name="connsiteY0" fmla="*/ 0 h 6524625"/>
              <a:gd name="connsiteX1" fmla="*/ 1349189 w 2260600"/>
              <a:gd name="connsiteY1" fmla="*/ 1848 h 6524625"/>
              <a:gd name="connsiteX2" fmla="*/ 2167543 w 2260600"/>
              <a:gd name="connsiteY2" fmla="*/ 3306330 h 6524625"/>
              <a:gd name="connsiteX3" fmla="*/ 2235200 w 2260600"/>
              <a:gd name="connsiteY3" fmla="*/ 4454525 h 6524625"/>
              <a:gd name="connsiteX4" fmla="*/ 2260600 w 2260600"/>
              <a:gd name="connsiteY4" fmla="*/ 5578475 h 6524625"/>
              <a:gd name="connsiteX5" fmla="*/ 2243137 w 2260600"/>
              <a:gd name="connsiteY5" fmla="*/ 6524625 h 6524625"/>
              <a:gd name="connsiteX6" fmla="*/ 0 w 2260600"/>
              <a:gd name="connsiteY6" fmla="*/ 6524625 h 6524625"/>
              <a:gd name="connsiteX7" fmla="*/ 0 w 2260600"/>
              <a:gd name="connsiteY7" fmla="*/ 0 h 6524625"/>
              <a:gd name="connsiteX0" fmla="*/ 0 w 2266645"/>
              <a:gd name="connsiteY0" fmla="*/ 0 h 6524625"/>
              <a:gd name="connsiteX1" fmla="*/ 1349189 w 2266645"/>
              <a:gd name="connsiteY1" fmla="*/ 1848 h 6524625"/>
              <a:gd name="connsiteX2" fmla="*/ 2167543 w 2266645"/>
              <a:gd name="connsiteY2" fmla="*/ 3306330 h 6524625"/>
              <a:gd name="connsiteX3" fmla="*/ 2260600 w 2266645"/>
              <a:gd name="connsiteY3" fmla="*/ 5578475 h 6524625"/>
              <a:gd name="connsiteX4" fmla="*/ 2243137 w 2266645"/>
              <a:gd name="connsiteY4" fmla="*/ 6524625 h 6524625"/>
              <a:gd name="connsiteX5" fmla="*/ 0 w 2266645"/>
              <a:gd name="connsiteY5" fmla="*/ 6524625 h 6524625"/>
              <a:gd name="connsiteX6" fmla="*/ 0 w 2266645"/>
              <a:gd name="connsiteY6" fmla="*/ 0 h 6524625"/>
              <a:gd name="connsiteX0" fmla="*/ 0 w 2417714"/>
              <a:gd name="connsiteY0" fmla="*/ 0 h 6524625"/>
              <a:gd name="connsiteX1" fmla="*/ 1349189 w 2417714"/>
              <a:gd name="connsiteY1" fmla="*/ 1848 h 6524625"/>
              <a:gd name="connsiteX2" fmla="*/ 2167543 w 2417714"/>
              <a:gd name="connsiteY2" fmla="*/ 3306330 h 6524625"/>
              <a:gd name="connsiteX3" fmla="*/ 2243137 w 2417714"/>
              <a:gd name="connsiteY3" fmla="*/ 6524625 h 6524625"/>
              <a:gd name="connsiteX4" fmla="*/ 0 w 2417714"/>
              <a:gd name="connsiteY4" fmla="*/ 6524625 h 6524625"/>
              <a:gd name="connsiteX5" fmla="*/ 0 w 2417714"/>
              <a:gd name="connsiteY5" fmla="*/ 0 h 6524625"/>
              <a:gd name="connsiteX0" fmla="*/ 0 w 2376015"/>
              <a:gd name="connsiteY0" fmla="*/ 0 h 6530167"/>
              <a:gd name="connsiteX1" fmla="*/ 1349189 w 2376015"/>
              <a:gd name="connsiteY1" fmla="*/ 1848 h 6530167"/>
              <a:gd name="connsiteX2" fmla="*/ 2167543 w 2376015"/>
              <a:gd name="connsiteY2" fmla="*/ 3306330 h 6530167"/>
              <a:gd name="connsiteX3" fmla="*/ 2182177 w 2376015"/>
              <a:gd name="connsiteY3" fmla="*/ 6530167 h 6530167"/>
              <a:gd name="connsiteX4" fmla="*/ 0 w 2376015"/>
              <a:gd name="connsiteY4" fmla="*/ 6524625 h 6530167"/>
              <a:gd name="connsiteX5" fmla="*/ 0 w 2376015"/>
              <a:gd name="connsiteY5" fmla="*/ 0 h 6530167"/>
              <a:gd name="connsiteX0" fmla="*/ 0 w 2296359"/>
              <a:gd name="connsiteY0" fmla="*/ 0 h 6530167"/>
              <a:gd name="connsiteX1" fmla="*/ 1349189 w 2296359"/>
              <a:gd name="connsiteY1" fmla="*/ 1848 h 6530167"/>
              <a:gd name="connsiteX2" fmla="*/ 2167543 w 2296359"/>
              <a:gd name="connsiteY2" fmla="*/ 3306330 h 6530167"/>
              <a:gd name="connsiteX3" fmla="*/ 2182177 w 2296359"/>
              <a:gd name="connsiteY3" fmla="*/ 6530167 h 6530167"/>
              <a:gd name="connsiteX4" fmla="*/ 0 w 2296359"/>
              <a:gd name="connsiteY4" fmla="*/ 6524625 h 6530167"/>
              <a:gd name="connsiteX5" fmla="*/ 0 w 2296359"/>
              <a:gd name="connsiteY5" fmla="*/ 0 h 6530167"/>
              <a:gd name="connsiteX0" fmla="*/ 0 w 2299503"/>
              <a:gd name="connsiteY0" fmla="*/ 0 h 6524625"/>
              <a:gd name="connsiteX1" fmla="*/ 1349189 w 2299503"/>
              <a:gd name="connsiteY1" fmla="*/ 1848 h 6524625"/>
              <a:gd name="connsiteX2" fmla="*/ 2167543 w 2299503"/>
              <a:gd name="connsiteY2" fmla="*/ 3306330 h 6524625"/>
              <a:gd name="connsiteX3" fmla="*/ 2187719 w 2299503"/>
              <a:gd name="connsiteY3" fmla="*/ 6524625 h 6524625"/>
              <a:gd name="connsiteX4" fmla="*/ 0 w 2299503"/>
              <a:gd name="connsiteY4" fmla="*/ 6524625 h 6524625"/>
              <a:gd name="connsiteX5" fmla="*/ 0 w 2299503"/>
              <a:gd name="connsiteY5" fmla="*/ 0 h 6524625"/>
              <a:gd name="connsiteX0" fmla="*/ 0 w 2286157"/>
              <a:gd name="connsiteY0" fmla="*/ 0 h 6524625"/>
              <a:gd name="connsiteX1" fmla="*/ 1349189 w 2286157"/>
              <a:gd name="connsiteY1" fmla="*/ 1848 h 6524625"/>
              <a:gd name="connsiteX2" fmla="*/ 2167543 w 2286157"/>
              <a:gd name="connsiteY2" fmla="*/ 3306330 h 6524625"/>
              <a:gd name="connsiteX3" fmla="*/ 2187719 w 2286157"/>
              <a:gd name="connsiteY3" fmla="*/ 6524625 h 6524625"/>
              <a:gd name="connsiteX4" fmla="*/ 0 w 2286157"/>
              <a:gd name="connsiteY4" fmla="*/ 6524625 h 6524625"/>
              <a:gd name="connsiteX5" fmla="*/ 0 w 2286157"/>
              <a:gd name="connsiteY5" fmla="*/ 0 h 6524625"/>
              <a:gd name="connsiteX0" fmla="*/ 0 w 2286157"/>
              <a:gd name="connsiteY0" fmla="*/ 3347 h 6527972"/>
              <a:gd name="connsiteX1" fmla="*/ 2107725 w 2286157"/>
              <a:gd name="connsiteY1" fmla="*/ 0 h 6527972"/>
              <a:gd name="connsiteX2" fmla="*/ 2167543 w 2286157"/>
              <a:gd name="connsiteY2" fmla="*/ 3309677 h 6527972"/>
              <a:gd name="connsiteX3" fmla="*/ 2187719 w 2286157"/>
              <a:gd name="connsiteY3" fmla="*/ 6527972 h 6527972"/>
              <a:gd name="connsiteX4" fmla="*/ 0 w 2286157"/>
              <a:gd name="connsiteY4" fmla="*/ 6527972 h 6527972"/>
              <a:gd name="connsiteX5" fmla="*/ 0 w 2286157"/>
              <a:gd name="connsiteY5" fmla="*/ 3347 h 6527972"/>
              <a:gd name="connsiteX0" fmla="*/ 737754 w 2286157"/>
              <a:gd name="connsiteY0" fmla="*/ 13738 h 6527972"/>
              <a:gd name="connsiteX1" fmla="*/ 2107725 w 2286157"/>
              <a:gd name="connsiteY1" fmla="*/ 0 h 6527972"/>
              <a:gd name="connsiteX2" fmla="*/ 2167543 w 2286157"/>
              <a:gd name="connsiteY2" fmla="*/ 3309677 h 6527972"/>
              <a:gd name="connsiteX3" fmla="*/ 2187719 w 2286157"/>
              <a:gd name="connsiteY3" fmla="*/ 6527972 h 6527972"/>
              <a:gd name="connsiteX4" fmla="*/ 0 w 2286157"/>
              <a:gd name="connsiteY4" fmla="*/ 6527972 h 6527972"/>
              <a:gd name="connsiteX5" fmla="*/ 737754 w 2286157"/>
              <a:gd name="connsiteY5" fmla="*/ 13738 h 6527972"/>
              <a:gd name="connsiteX0" fmla="*/ 737754 w 2286157"/>
              <a:gd name="connsiteY0" fmla="*/ 13738 h 6527972"/>
              <a:gd name="connsiteX1" fmla="*/ 2107725 w 2286157"/>
              <a:gd name="connsiteY1" fmla="*/ 0 h 6527972"/>
              <a:gd name="connsiteX2" fmla="*/ 2167543 w 2286157"/>
              <a:gd name="connsiteY2" fmla="*/ 3309677 h 6527972"/>
              <a:gd name="connsiteX3" fmla="*/ 2187719 w 2286157"/>
              <a:gd name="connsiteY3" fmla="*/ 6527972 h 6527972"/>
              <a:gd name="connsiteX4" fmla="*/ 0 w 2286157"/>
              <a:gd name="connsiteY4" fmla="*/ 6527972 h 6527972"/>
              <a:gd name="connsiteX5" fmla="*/ 737754 w 2286157"/>
              <a:gd name="connsiteY5" fmla="*/ 13738 h 6527972"/>
              <a:gd name="connsiteX0" fmla="*/ 740611 w 2286157"/>
              <a:gd name="connsiteY0" fmla="*/ 2308 h 6527972"/>
              <a:gd name="connsiteX1" fmla="*/ 2107725 w 2286157"/>
              <a:gd name="connsiteY1" fmla="*/ 0 h 6527972"/>
              <a:gd name="connsiteX2" fmla="*/ 2167543 w 2286157"/>
              <a:gd name="connsiteY2" fmla="*/ 3309677 h 6527972"/>
              <a:gd name="connsiteX3" fmla="*/ 2187719 w 2286157"/>
              <a:gd name="connsiteY3" fmla="*/ 6527972 h 6527972"/>
              <a:gd name="connsiteX4" fmla="*/ 0 w 2286157"/>
              <a:gd name="connsiteY4" fmla="*/ 6527972 h 6527972"/>
              <a:gd name="connsiteX5" fmla="*/ 740611 w 2286157"/>
              <a:gd name="connsiteY5" fmla="*/ 2308 h 6527972"/>
              <a:gd name="connsiteX0" fmla="*/ 740611 w 2286157"/>
              <a:gd name="connsiteY0" fmla="*/ 0 h 6525664"/>
              <a:gd name="connsiteX1" fmla="*/ 2102010 w 2286157"/>
              <a:gd name="connsiteY1" fmla="*/ 550 h 6525664"/>
              <a:gd name="connsiteX2" fmla="*/ 2167543 w 2286157"/>
              <a:gd name="connsiteY2" fmla="*/ 3307369 h 6525664"/>
              <a:gd name="connsiteX3" fmla="*/ 2187719 w 2286157"/>
              <a:gd name="connsiteY3" fmla="*/ 6525664 h 6525664"/>
              <a:gd name="connsiteX4" fmla="*/ 0 w 2286157"/>
              <a:gd name="connsiteY4" fmla="*/ 6525664 h 6525664"/>
              <a:gd name="connsiteX5" fmla="*/ 740611 w 2286157"/>
              <a:gd name="connsiteY5" fmla="*/ 0 h 6525664"/>
              <a:gd name="connsiteX0" fmla="*/ 740611 w 2286157"/>
              <a:gd name="connsiteY0" fmla="*/ 0 h 6525664"/>
              <a:gd name="connsiteX1" fmla="*/ 2096295 w 2286157"/>
              <a:gd name="connsiteY1" fmla="*/ 3407 h 6525664"/>
              <a:gd name="connsiteX2" fmla="*/ 2167543 w 2286157"/>
              <a:gd name="connsiteY2" fmla="*/ 3307369 h 6525664"/>
              <a:gd name="connsiteX3" fmla="*/ 2187719 w 2286157"/>
              <a:gd name="connsiteY3" fmla="*/ 6525664 h 6525664"/>
              <a:gd name="connsiteX4" fmla="*/ 0 w 2286157"/>
              <a:gd name="connsiteY4" fmla="*/ 6525664 h 6525664"/>
              <a:gd name="connsiteX5" fmla="*/ 740611 w 2286157"/>
              <a:gd name="connsiteY5" fmla="*/ 0 h 6525664"/>
              <a:gd name="connsiteX0" fmla="*/ 740611 w 2286157"/>
              <a:gd name="connsiteY0" fmla="*/ 0 h 6525664"/>
              <a:gd name="connsiteX1" fmla="*/ 2082007 w 2286157"/>
              <a:gd name="connsiteY1" fmla="*/ 550 h 6525664"/>
              <a:gd name="connsiteX2" fmla="*/ 2167543 w 2286157"/>
              <a:gd name="connsiteY2" fmla="*/ 3307369 h 6525664"/>
              <a:gd name="connsiteX3" fmla="*/ 2187719 w 2286157"/>
              <a:gd name="connsiteY3" fmla="*/ 6525664 h 6525664"/>
              <a:gd name="connsiteX4" fmla="*/ 0 w 2286157"/>
              <a:gd name="connsiteY4" fmla="*/ 6525664 h 6525664"/>
              <a:gd name="connsiteX5" fmla="*/ 740611 w 2286157"/>
              <a:gd name="connsiteY5" fmla="*/ 0 h 6525664"/>
              <a:gd name="connsiteX0" fmla="*/ 740611 w 2286157"/>
              <a:gd name="connsiteY0" fmla="*/ 0 h 6525664"/>
              <a:gd name="connsiteX1" fmla="*/ 2082007 w 2286157"/>
              <a:gd name="connsiteY1" fmla="*/ 550 h 6525664"/>
              <a:gd name="connsiteX2" fmla="*/ 2167543 w 2286157"/>
              <a:gd name="connsiteY2" fmla="*/ 3307369 h 6525664"/>
              <a:gd name="connsiteX3" fmla="*/ 2187719 w 2286157"/>
              <a:gd name="connsiteY3" fmla="*/ 6525664 h 6525664"/>
              <a:gd name="connsiteX4" fmla="*/ 0 w 2286157"/>
              <a:gd name="connsiteY4" fmla="*/ 6525664 h 6525664"/>
              <a:gd name="connsiteX5" fmla="*/ 740611 w 2286157"/>
              <a:gd name="connsiteY5" fmla="*/ 0 h 6525664"/>
              <a:gd name="connsiteX0" fmla="*/ 837766 w 2383312"/>
              <a:gd name="connsiteY0" fmla="*/ 0 h 6525664"/>
              <a:gd name="connsiteX1" fmla="*/ 2179162 w 2383312"/>
              <a:gd name="connsiteY1" fmla="*/ 550 h 6525664"/>
              <a:gd name="connsiteX2" fmla="*/ 2264698 w 2383312"/>
              <a:gd name="connsiteY2" fmla="*/ 3307369 h 6525664"/>
              <a:gd name="connsiteX3" fmla="*/ 2284874 w 2383312"/>
              <a:gd name="connsiteY3" fmla="*/ 6525664 h 6525664"/>
              <a:gd name="connsiteX4" fmla="*/ 0 w 2383312"/>
              <a:gd name="connsiteY4" fmla="*/ 6522807 h 6525664"/>
              <a:gd name="connsiteX5" fmla="*/ 837766 w 2383312"/>
              <a:gd name="connsiteY5" fmla="*/ 0 h 6525664"/>
              <a:gd name="connsiteX0" fmla="*/ 944861 w 2490407"/>
              <a:gd name="connsiteY0" fmla="*/ 0 h 6525664"/>
              <a:gd name="connsiteX1" fmla="*/ 2286257 w 2490407"/>
              <a:gd name="connsiteY1" fmla="*/ 550 h 6525664"/>
              <a:gd name="connsiteX2" fmla="*/ 2371793 w 2490407"/>
              <a:gd name="connsiteY2" fmla="*/ 3307369 h 6525664"/>
              <a:gd name="connsiteX3" fmla="*/ 2391969 w 2490407"/>
              <a:gd name="connsiteY3" fmla="*/ 6525664 h 6525664"/>
              <a:gd name="connsiteX4" fmla="*/ 107095 w 2490407"/>
              <a:gd name="connsiteY4" fmla="*/ 6522807 h 6525664"/>
              <a:gd name="connsiteX5" fmla="*/ 944861 w 2490407"/>
              <a:gd name="connsiteY5" fmla="*/ 0 h 6525664"/>
              <a:gd name="connsiteX0" fmla="*/ 958590 w 2504136"/>
              <a:gd name="connsiteY0" fmla="*/ 0 h 6525664"/>
              <a:gd name="connsiteX1" fmla="*/ 2299986 w 2504136"/>
              <a:gd name="connsiteY1" fmla="*/ 550 h 6525664"/>
              <a:gd name="connsiteX2" fmla="*/ 2385522 w 2504136"/>
              <a:gd name="connsiteY2" fmla="*/ 3307369 h 6525664"/>
              <a:gd name="connsiteX3" fmla="*/ 2405698 w 2504136"/>
              <a:gd name="connsiteY3" fmla="*/ 6525664 h 6525664"/>
              <a:gd name="connsiteX4" fmla="*/ 120824 w 2504136"/>
              <a:gd name="connsiteY4" fmla="*/ 6522807 h 6525664"/>
              <a:gd name="connsiteX5" fmla="*/ 958590 w 2504136"/>
              <a:gd name="connsiteY5" fmla="*/ 0 h 6525664"/>
              <a:gd name="connsiteX0" fmla="*/ 940966 w 2486512"/>
              <a:gd name="connsiteY0" fmla="*/ 0 h 6525664"/>
              <a:gd name="connsiteX1" fmla="*/ 2282362 w 2486512"/>
              <a:gd name="connsiteY1" fmla="*/ 550 h 6525664"/>
              <a:gd name="connsiteX2" fmla="*/ 2367898 w 2486512"/>
              <a:gd name="connsiteY2" fmla="*/ 3307369 h 6525664"/>
              <a:gd name="connsiteX3" fmla="*/ 2388074 w 2486512"/>
              <a:gd name="connsiteY3" fmla="*/ 6525664 h 6525664"/>
              <a:gd name="connsiteX4" fmla="*/ 103200 w 2486512"/>
              <a:gd name="connsiteY4" fmla="*/ 6522807 h 6525664"/>
              <a:gd name="connsiteX5" fmla="*/ 940966 w 2486512"/>
              <a:gd name="connsiteY5" fmla="*/ 0 h 6525664"/>
              <a:gd name="connsiteX0" fmla="*/ 940966 w 2486512"/>
              <a:gd name="connsiteY0" fmla="*/ 0 h 6525664"/>
              <a:gd name="connsiteX1" fmla="*/ 2282362 w 2486512"/>
              <a:gd name="connsiteY1" fmla="*/ 550 h 6525664"/>
              <a:gd name="connsiteX2" fmla="*/ 2367898 w 2486512"/>
              <a:gd name="connsiteY2" fmla="*/ 3307369 h 6525664"/>
              <a:gd name="connsiteX3" fmla="*/ 2388074 w 2486512"/>
              <a:gd name="connsiteY3" fmla="*/ 6525664 h 6525664"/>
              <a:gd name="connsiteX4" fmla="*/ 103200 w 2486512"/>
              <a:gd name="connsiteY4" fmla="*/ 6522807 h 6525664"/>
              <a:gd name="connsiteX5" fmla="*/ 940966 w 2486512"/>
              <a:gd name="connsiteY5" fmla="*/ 0 h 6525664"/>
              <a:gd name="connsiteX0" fmla="*/ 940966 w 2443958"/>
              <a:gd name="connsiteY0" fmla="*/ 0 h 6533615"/>
              <a:gd name="connsiteX1" fmla="*/ 2282362 w 2443958"/>
              <a:gd name="connsiteY1" fmla="*/ 550 h 6533615"/>
              <a:gd name="connsiteX2" fmla="*/ 2367898 w 2443958"/>
              <a:gd name="connsiteY2" fmla="*/ 3307369 h 6533615"/>
              <a:gd name="connsiteX3" fmla="*/ 2284707 w 2443958"/>
              <a:gd name="connsiteY3" fmla="*/ 6533615 h 6533615"/>
              <a:gd name="connsiteX4" fmla="*/ 103200 w 2443958"/>
              <a:gd name="connsiteY4" fmla="*/ 6522807 h 6533615"/>
              <a:gd name="connsiteX5" fmla="*/ 940966 w 2443958"/>
              <a:gd name="connsiteY5" fmla="*/ 0 h 6533615"/>
              <a:gd name="connsiteX0" fmla="*/ 940966 w 2419495"/>
              <a:gd name="connsiteY0" fmla="*/ 0 h 6533615"/>
              <a:gd name="connsiteX1" fmla="*/ 2282362 w 2419495"/>
              <a:gd name="connsiteY1" fmla="*/ 550 h 6533615"/>
              <a:gd name="connsiteX2" fmla="*/ 2367898 w 2419495"/>
              <a:gd name="connsiteY2" fmla="*/ 3307369 h 6533615"/>
              <a:gd name="connsiteX3" fmla="*/ 2284707 w 2419495"/>
              <a:gd name="connsiteY3" fmla="*/ 6533615 h 6533615"/>
              <a:gd name="connsiteX4" fmla="*/ 103200 w 2419495"/>
              <a:gd name="connsiteY4" fmla="*/ 6522807 h 6533615"/>
              <a:gd name="connsiteX5" fmla="*/ 940966 w 2419495"/>
              <a:gd name="connsiteY5" fmla="*/ 0 h 6533615"/>
              <a:gd name="connsiteX0" fmla="*/ 940966 w 2356428"/>
              <a:gd name="connsiteY0" fmla="*/ 0 h 6533615"/>
              <a:gd name="connsiteX1" fmla="*/ 2282362 w 2356428"/>
              <a:gd name="connsiteY1" fmla="*/ 550 h 6533615"/>
              <a:gd name="connsiteX2" fmla="*/ 2288385 w 2356428"/>
              <a:gd name="connsiteY2" fmla="*/ 3315321 h 6533615"/>
              <a:gd name="connsiteX3" fmla="*/ 2284707 w 2356428"/>
              <a:gd name="connsiteY3" fmla="*/ 6533615 h 6533615"/>
              <a:gd name="connsiteX4" fmla="*/ 103200 w 2356428"/>
              <a:gd name="connsiteY4" fmla="*/ 6522807 h 6533615"/>
              <a:gd name="connsiteX5" fmla="*/ 940966 w 2356428"/>
              <a:gd name="connsiteY5" fmla="*/ 0 h 6533615"/>
              <a:gd name="connsiteX0" fmla="*/ 940966 w 2314077"/>
              <a:gd name="connsiteY0" fmla="*/ 0 h 6533615"/>
              <a:gd name="connsiteX1" fmla="*/ 2282362 w 2314077"/>
              <a:gd name="connsiteY1" fmla="*/ 550 h 6533615"/>
              <a:gd name="connsiteX2" fmla="*/ 2288385 w 2314077"/>
              <a:gd name="connsiteY2" fmla="*/ 3315321 h 6533615"/>
              <a:gd name="connsiteX3" fmla="*/ 2284707 w 2314077"/>
              <a:gd name="connsiteY3" fmla="*/ 6533615 h 6533615"/>
              <a:gd name="connsiteX4" fmla="*/ 103200 w 2314077"/>
              <a:gd name="connsiteY4" fmla="*/ 6522807 h 6533615"/>
              <a:gd name="connsiteX5" fmla="*/ 940966 w 2314077"/>
              <a:gd name="connsiteY5" fmla="*/ 0 h 6533615"/>
              <a:gd name="connsiteX0" fmla="*/ 940966 w 2506932"/>
              <a:gd name="connsiteY0" fmla="*/ 0 h 6533615"/>
              <a:gd name="connsiteX1" fmla="*/ 2282362 w 2506932"/>
              <a:gd name="connsiteY1" fmla="*/ 550 h 6533615"/>
              <a:gd name="connsiteX2" fmla="*/ 2284707 w 2506932"/>
              <a:gd name="connsiteY2" fmla="*/ 6533615 h 6533615"/>
              <a:gd name="connsiteX3" fmla="*/ 103200 w 2506932"/>
              <a:gd name="connsiteY3" fmla="*/ 6522807 h 6533615"/>
              <a:gd name="connsiteX4" fmla="*/ 940966 w 2506932"/>
              <a:gd name="connsiteY4" fmla="*/ 0 h 6533615"/>
              <a:gd name="connsiteX0" fmla="*/ 940966 w 2387463"/>
              <a:gd name="connsiteY0" fmla="*/ 0 h 6533615"/>
              <a:gd name="connsiteX1" fmla="*/ 2282362 w 2387463"/>
              <a:gd name="connsiteY1" fmla="*/ 550 h 6533615"/>
              <a:gd name="connsiteX2" fmla="*/ 2284707 w 2387463"/>
              <a:gd name="connsiteY2" fmla="*/ 6533615 h 6533615"/>
              <a:gd name="connsiteX3" fmla="*/ 103200 w 2387463"/>
              <a:gd name="connsiteY3" fmla="*/ 6522807 h 6533615"/>
              <a:gd name="connsiteX4" fmla="*/ 940966 w 2387463"/>
              <a:gd name="connsiteY4" fmla="*/ 0 h 6533615"/>
              <a:gd name="connsiteX0" fmla="*/ 940966 w 2307252"/>
              <a:gd name="connsiteY0" fmla="*/ 0 h 6533615"/>
              <a:gd name="connsiteX1" fmla="*/ 2282362 w 2307252"/>
              <a:gd name="connsiteY1" fmla="*/ 550 h 6533615"/>
              <a:gd name="connsiteX2" fmla="*/ 2284707 w 2307252"/>
              <a:gd name="connsiteY2" fmla="*/ 6533615 h 6533615"/>
              <a:gd name="connsiteX3" fmla="*/ 103200 w 2307252"/>
              <a:gd name="connsiteY3" fmla="*/ 6522807 h 6533615"/>
              <a:gd name="connsiteX4" fmla="*/ 940966 w 2307252"/>
              <a:gd name="connsiteY4" fmla="*/ 0 h 6533615"/>
              <a:gd name="connsiteX0" fmla="*/ 940966 w 2312732"/>
              <a:gd name="connsiteY0" fmla="*/ 0 h 6533615"/>
              <a:gd name="connsiteX1" fmla="*/ 2291070 w 2312732"/>
              <a:gd name="connsiteY1" fmla="*/ 17967 h 6533615"/>
              <a:gd name="connsiteX2" fmla="*/ 2284707 w 2312732"/>
              <a:gd name="connsiteY2" fmla="*/ 6533615 h 6533615"/>
              <a:gd name="connsiteX3" fmla="*/ 103200 w 2312732"/>
              <a:gd name="connsiteY3" fmla="*/ 6522807 h 6533615"/>
              <a:gd name="connsiteX4" fmla="*/ 940966 w 2312732"/>
              <a:gd name="connsiteY4" fmla="*/ 0 h 6533615"/>
              <a:gd name="connsiteX0" fmla="*/ 940966 w 2310820"/>
              <a:gd name="connsiteY0" fmla="*/ 0 h 6533615"/>
              <a:gd name="connsiteX1" fmla="*/ 2288158 w 2310820"/>
              <a:gd name="connsiteY1" fmla="*/ 3407 h 6533615"/>
              <a:gd name="connsiteX2" fmla="*/ 2284707 w 2310820"/>
              <a:gd name="connsiteY2" fmla="*/ 6533615 h 6533615"/>
              <a:gd name="connsiteX3" fmla="*/ 103200 w 2310820"/>
              <a:gd name="connsiteY3" fmla="*/ 6522807 h 6533615"/>
              <a:gd name="connsiteX4" fmla="*/ 940966 w 2310820"/>
              <a:gd name="connsiteY4" fmla="*/ 0 h 6533615"/>
              <a:gd name="connsiteX0" fmla="*/ 940966 w 2301110"/>
              <a:gd name="connsiteY0" fmla="*/ 0 h 6533615"/>
              <a:gd name="connsiteX1" fmla="*/ 2288158 w 2301110"/>
              <a:gd name="connsiteY1" fmla="*/ 3407 h 6533615"/>
              <a:gd name="connsiteX2" fmla="*/ 2284707 w 2301110"/>
              <a:gd name="connsiteY2" fmla="*/ 6533615 h 6533615"/>
              <a:gd name="connsiteX3" fmla="*/ 103200 w 2301110"/>
              <a:gd name="connsiteY3" fmla="*/ 6522807 h 6533615"/>
              <a:gd name="connsiteX4" fmla="*/ 940966 w 2301110"/>
              <a:gd name="connsiteY4" fmla="*/ 0 h 6533615"/>
              <a:gd name="connsiteX0" fmla="*/ 940966 w 2304156"/>
              <a:gd name="connsiteY0" fmla="*/ 0 h 6522807"/>
              <a:gd name="connsiteX1" fmla="*/ 2288158 w 2304156"/>
              <a:gd name="connsiteY1" fmla="*/ 3407 h 6522807"/>
              <a:gd name="connsiteX2" fmla="*/ 2290531 w 2304156"/>
              <a:gd name="connsiteY2" fmla="*/ 6521966 h 6522807"/>
              <a:gd name="connsiteX3" fmla="*/ 103200 w 2304156"/>
              <a:gd name="connsiteY3" fmla="*/ 6522807 h 6522807"/>
              <a:gd name="connsiteX4" fmla="*/ 940966 w 2304156"/>
              <a:gd name="connsiteY4" fmla="*/ 0 h 652280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04156" h="6522807">
                <a:moveTo>
                  <a:pt x="940966" y="0"/>
                </a:moveTo>
                <a:lnTo>
                  <a:pt x="2288158" y="3407"/>
                </a:lnTo>
                <a:cubicBezTo>
                  <a:pt x="2305938" y="4567063"/>
                  <a:pt x="2311819" y="3097240"/>
                  <a:pt x="2290531" y="6521966"/>
                </a:cubicBezTo>
                <a:lnTo>
                  <a:pt x="103200" y="6522807"/>
                </a:lnTo>
                <a:cubicBezTo>
                  <a:pt x="-85471" y="5019182"/>
                  <a:pt x="-121023" y="2949509"/>
                  <a:pt x="940966" y="0"/>
                </a:cubicBezTo>
                <a:close/>
              </a:path>
            </a:pathLst>
          </a:custGeom>
          <a:solidFill>
            <a:srgbClr val="93A5B0"/>
          </a:solidFill>
          <a:ln>
            <a:noFill/>
          </a:ln>
        </p:spPr>
        <p:txBody>
          <a:bodyPr/>
          <a:lstStyle>
            <a:lvl1pPr marL="0" indent="0" algn="r">
              <a:buNone/>
              <a:defRPr sz="1600"/>
            </a:lvl1pPr>
          </a:lstStyle>
          <a:p>
            <a:r>
              <a:rPr lang="en-GB" dirty="0"/>
              <a:t>Insert image via Templafy pane</a:t>
            </a:r>
            <a:endParaRPr lang="en-GB"/>
          </a:p>
        </p:txBody>
      </p:sp>
      <p:sp>
        <p:nvSpPr>
          <p:cNvPr id="7" name="Rectangle 11">
            <a:extLst>
              <a:ext uri="{FF2B5EF4-FFF2-40B4-BE49-F238E27FC236}">
                <a16:creationId xmlns:a16="http://schemas.microsoft.com/office/drawing/2014/main" id="{B663BB86-8C57-45CE-911A-C4A3568E1149}"/>
              </a:ext>
            </a:extLst>
          </p:cNvPr>
          <p:cNvSpPr txBox="1">
            <a:spLocks noChangeArrowheads="1"/>
          </p:cNvSpPr>
          <p:nvPr userDrawn="1"/>
        </p:nvSpPr>
        <p:spPr bwMode="auto">
          <a:xfrm>
            <a:off x="9227864" y="6416675"/>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defPPr>
              <a:defRPr lang="en-US"/>
            </a:defPPr>
            <a:lvl1pPr algn="r" rtl="0" eaLnBrk="0" fontAlgn="base" hangingPunct="0">
              <a:spcBef>
                <a:spcPct val="0"/>
              </a:spcBef>
              <a:spcAft>
                <a:spcPct val="0"/>
              </a:spcAft>
              <a:defRPr sz="1400" kern="1200">
                <a:solidFill>
                  <a:schemeClr val="tx1"/>
                </a:solidFill>
                <a:latin typeface="Arial" charset="0"/>
                <a:ea typeface="ＭＳ Ｐゴシック" pitchFamily="-128" charset="-128"/>
                <a:cs typeface="+mn-cs"/>
              </a:defRPr>
            </a:lvl1pPr>
            <a:lvl2pPr marL="4572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2pPr>
            <a:lvl3pPr marL="9144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3pPr>
            <a:lvl4pPr marL="13716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4pPr>
            <a:lvl5pPr marL="18288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5pPr>
            <a:lvl6pPr marL="2286000" algn="l" defTabSz="914400" rtl="0" eaLnBrk="1" latinLnBrk="0" hangingPunct="1">
              <a:defRPr sz="2400" kern="1200">
                <a:solidFill>
                  <a:schemeClr val="tx1"/>
                </a:solidFill>
                <a:latin typeface="Arial" charset="0"/>
                <a:ea typeface="ＭＳ Ｐゴシック" pitchFamily="-128" charset="-128"/>
                <a:cs typeface="+mn-cs"/>
              </a:defRPr>
            </a:lvl6pPr>
            <a:lvl7pPr marL="2743200" algn="l" defTabSz="914400" rtl="0" eaLnBrk="1" latinLnBrk="0" hangingPunct="1">
              <a:defRPr sz="2400" kern="1200">
                <a:solidFill>
                  <a:schemeClr val="tx1"/>
                </a:solidFill>
                <a:latin typeface="Arial" charset="0"/>
                <a:ea typeface="ＭＳ Ｐゴシック" pitchFamily="-128" charset="-128"/>
                <a:cs typeface="+mn-cs"/>
              </a:defRPr>
            </a:lvl7pPr>
            <a:lvl8pPr marL="3200400" algn="l" defTabSz="914400" rtl="0" eaLnBrk="1" latinLnBrk="0" hangingPunct="1">
              <a:defRPr sz="2400" kern="1200">
                <a:solidFill>
                  <a:schemeClr val="tx1"/>
                </a:solidFill>
                <a:latin typeface="Arial" charset="0"/>
                <a:ea typeface="ＭＳ Ｐゴシック" pitchFamily="-128" charset="-128"/>
                <a:cs typeface="+mn-cs"/>
              </a:defRPr>
            </a:lvl8pPr>
            <a:lvl9pPr marL="3657600" algn="l" defTabSz="914400" rtl="0" eaLnBrk="1" latinLnBrk="0" hangingPunct="1">
              <a:defRPr sz="2400" kern="1200">
                <a:solidFill>
                  <a:schemeClr val="tx1"/>
                </a:solidFill>
                <a:latin typeface="Arial" charset="0"/>
                <a:ea typeface="ＭＳ Ｐゴシック" pitchFamily="-128" charset="-128"/>
                <a:cs typeface="+mn-cs"/>
              </a:defRPr>
            </a:lvl9pPr>
          </a:lstStyle>
          <a:p>
            <a:pPr>
              <a:defRPr/>
            </a:pPr>
            <a:fld id="{0E808A4E-B55F-4717-AB09-68D98B68A291}" type="slidenum">
              <a:rPr lang="en-GB" sz="1050" smtClean="0">
                <a:latin typeface="+mn-lt"/>
              </a:rPr>
              <a:pPr>
                <a:defRPr/>
              </a:pPr>
              <a:t>‹#›</a:t>
            </a:fld>
            <a:endParaRPr lang="en-GB" sz="1050" dirty="0">
              <a:latin typeface="+mn-lt"/>
            </a:endParaRPr>
          </a:p>
        </p:txBody>
      </p:sp>
      <p:sp>
        <p:nvSpPr>
          <p:cNvPr id="8" name="Rectangle 9">
            <a:extLst>
              <a:ext uri="{FF2B5EF4-FFF2-40B4-BE49-F238E27FC236}">
                <a16:creationId xmlns:a16="http://schemas.microsoft.com/office/drawing/2014/main" id="{435B7AC1-4756-4DFF-B7CD-34C8B46693FF}"/>
              </a:ext>
            </a:extLst>
          </p:cNvPr>
          <p:cNvSpPr>
            <a:spLocks noGrp="1" noChangeArrowheads="1"/>
          </p:cNvSpPr>
          <p:nvPr>
            <p:ph type="title"/>
          </p:nvPr>
        </p:nvSpPr>
        <p:spPr bwMode="auto">
          <a:xfrm>
            <a:off x="406400" y="326364"/>
            <a:ext cx="9866064"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
        <p:nvSpPr>
          <p:cNvPr id="2" name="Rectangle 1" descr="{&quot;templafy&quot;:{&quot;id&quot;:&quot;f3a9e6e1-c476-4c28-b4c1-f64c13e7aaec&quot;}}">
            <a:extLst>
              <a:ext uri="{FF2B5EF4-FFF2-40B4-BE49-F238E27FC236}">
                <a16:creationId xmlns:a16="http://schemas.microsoft.com/office/drawing/2014/main" id="{35B6B81E-9B01-AE59-9EEF-C0F628F4B57E}"/>
              </a:ext>
            </a:extLst>
          </p:cNvPr>
          <p:cNvSpPr/>
          <p:nvPr userDrawn="1"/>
        </p:nvSpPr>
        <p:spPr bwMode="auto">
          <a:xfrm>
            <a:off x="335360" y="6565180"/>
            <a:ext cx="1717328" cy="19911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GB" sz="1050" b="1" i="0" u="none" strike="noStrike" cap="none" normalizeH="0" baseline="0" dirty="0">
              <a:ln>
                <a:noFill/>
              </a:ln>
              <a:solidFill>
                <a:schemeClr val="tx1"/>
              </a:solidFill>
              <a:effectLst/>
              <a:latin typeface="+mn-lt"/>
              <a:ea typeface="ＭＳ Ｐゴシック" pitchFamily="-128" charset="-128"/>
            </a:endParaRPr>
          </a:p>
        </p:txBody>
      </p:sp>
    </p:spTree>
    <p:extLst>
      <p:ext uri="{BB962C8B-B14F-4D97-AF65-F5344CB8AC3E}">
        <p14:creationId xmlns:p14="http://schemas.microsoft.com/office/powerpoint/2010/main" val="1052758258"/>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and Content">
    <p:spTree>
      <p:nvGrpSpPr>
        <p:cNvPr id="1" name=""/>
        <p:cNvGrpSpPr/>
        <p:nvPr/>
      </p:nvGrpSpPr>
      <p:grpSpPr>
        <a:xfrm>
          <a:off x="0" y="0"/>
          <a:ext cx="0" cy="0"/>
          <a:chOff x="0" y="0"/>
          <a:chExt cx="0" cy="0"/>
        </a:xfrm>
      </p:grpSpPr>
      <p:sp>
        <p:nvSpPr>
          <p:cNvPr id="7" name="Picture Placeholder 6"/>
          <p:cNvSpPr>
            <a:spLocks noGrp="1"/>
          </p:cNvSpPr>
          <p:nvPr>
            <p:ph type="pic" sz="quarter" idx="11" hasCustomPrompt="1"/>
          </p:nvPr>
        </p:nvSpPr>
        <p:spPr>
          <a:xfrm>
            <a:off x="9872133" y="333376"/>
            <a:ext cx="2319867" cy="6524625"/>
          </a:xfrm>
          <a:prstGeom prst="rect">
            <a:avLst/>
          </a:prstGeom>
          <a:solidFill>
            <a:srgbClr val="93A5B0"/>
          </a:solidFill>
          <a:ln>
            <a:noFill/>
          </a:ln>
        </p:spPr>
        <p:txBody>
          <a:bodyPr/>
          <a:lstStyle>
            <a:lvl1pPr marL="0" indent="0">
              <a:buNone/>
              <a:defRPr sz="1600"/>
            </a:lvl1pPr>
          </a:lstStyle>
          <a:p>
            <a:r>
              <a:rPr lang="en-GB" dirty="0"/>
              <a:t>Insert image via the Templafy pane</a:t>
            </a:r>
            <a:endParaRPr lang="en-GB"/>
          </a:p>
        </p:txBody>
      </p:sp>
      <p:sp>
        <p:nvSpPr>
          <p:cNvPr id="3" name="Content Placeholder 2"/>
          <p:cNvSpPr>
            <a:spLocks noGrp="1"/>
          </p:cNvSpPr>
          <p:nvPr>
            <p:ph idx="1"/>
          </p:nvPr>
        </p:nvSpPr>
        <p:spPr>
          <a:xfrm>
            <a:off x="406401" y="1340768"/>
            <a:ext cx="9338006" cy="5363245"/>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6" name="Rectangle 11">
            <a:extLst>
              <a:ext uri="{FF2B5EF4-FFF2-40B4-BE49-F238E27FC236}">
                <a16:creationId xmlns:a16="http://schemas.microsoft.com/office/drawing/2014/main" id="{E21BFF83-A4B8-414B-A358-1C09D0324745}"/>
              </a:ext>
            </a:extLst>
          </p:cNvPr>
          <p:cNvSpPr txBox="1">
            <a:spLocks noChangeArrowheads="1"/>
          </p:cNvSpPr>
          <p:nvPr userDrawn="1"/>
        </p:nvSpPr>
        <p:spPr bwMode="auto">
          <a:xfrm>
            <a:off x="9227864" y="6416675"/>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defPPr>
              <a:defRPr lang="en-US"/>
            </a:defPPr>
            <a:lvl1pPr algn="r" rtl="0" eaLnBrk="0" fontAlgn="base" hangingPunct="0">
              <a:spcBef>
                <a:spcPct val="0"/>
              </a:spcBef>
              <a:spcAft>
                <a:spcPct val="0"/>
              </a:spcAft>
              <a:defRPr sz="1400" kern="1200">
                <a:solidFill>
                  <a:schemeClr val="tx1"/>
                </a:solidFill>
                <a:latin typeface="Arial" charset="0"/>
                <a:ea typeface="ＭＳ Ｐゴシック" pitchFamily="-128" charset="-128"/>
                <a:cs typeface="+mn-cs"/>
              </a:defRPr>
            </a:lvl1pPr>
            <a:lvl2pPr marL="4572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2pPr>
            <a:lvl3pPr marL="9144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3pPr>
            <a:lvl4pPr marL="13716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4pPr>
            <a:lvl5pPr marL="18288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5pPr>
            <a:lvl6pPr marL="2286000" algn="l" defTabSz="914400" rtl="0" eaLnBrk="1" latinLnBrk="0" hangingPunct="1">
              <a:defRPr sz="2400" kern="1200">
                <a:solidFill>
                  <a:schemeClr val="tx1"/>
                </a:solidFill>
                <a:latin typeface="Arial" charset="0"/>
                <a:ea typeface="ＭＳ Ｐゴシック" pitchFamily="-128" charset="-128"/>
                <a:cs typeface="+mn-cs"/>
              </a:defRPr>
            </a:lvl6pPr>
            <a:lvl7pPr marL="2743200" algn="l" defTabSz="914400" rtl="0" eaLnBrk="1" latinLnBrk="0" hangingPunct="1">
              <a:defRPr sz="2400" kern="1200">
                <a:solidFill>
                  <a:schemeClr val="tx1"/>
                </a:solidFill>
                <a:latin typeface="Arial" charset="0"/>
                <a:ea typeface="ＭＳ Ｐゴシック" pitchFamily="-128" charset="-128"/>
                <a:cs typeface="+mn-cs"/>
              </a:defRPr>
            </a:lvl7pPr>
            <a:lvl8pPr marL="3200400" algn="l" defTabSz="914400" rtl="0" eaLnBrk="1" latinLnBrk="0" hangingPunct="1">
              <a:defRPr sz="2400" kern="1200">
                <a:solidFill>
                  <a:schemeClr val="tx1"/>
                </a:solidFill>
                <a:latin typeface="Arial" charset="0"/>
                <a:ea typeface="ＭＳ Ｐゴシック" pitchFamily="-128" charset="-128"/>
                <a:cs typeface="+mn-cs"/>
              </a:defRPr>
            </a:lvl8pPr>
            <a:lvl9pPr marL="3657600" algn="l" defTabSz="914400" rtl="0" eaLnBrk="1" latinLnBrk="0" hangingPunct="1">
              <a:defRPr sz="2400" kern="1200">
                <a:solidFill>
                  <a:schemeClr val="tx1"/>
                </a:solidFill>
                <a:latin typeface="Arial" charset="0"/>
                <a:ea typeface="ＭＳ Ｐゴシック" pitchFamily="-128" charset="-128"/>
                <a:cs typeface="+mn-cs"/>
              </a:defRPr>
            </a:lvl9pPr>
          </a:lstStyle>
          <a:p>
            <a:pPr>
              <a:defRPr/>
            </a:pPr>
            <a:fld id="{0E808A4E-B55F-4717-AB09-68D98B68A291}" type="slidenum">
              <a:rPr lang="en-GB" sz="1050" smtClean="0">
                <a:latin typeface="+mn-lt"/>
              </a:rPr>
              <a:pPr>
                <a:defRPr/>
              </a:pPr>
              <a:t>‹#›</a:t>
            </a:fld>
            <a:endParaRPr lang="en-GB" sz="1050" dirty="0">
              <a:latin typeface="+mn-lt"/>
            </a:endParaRPr>
          </a:p>
        </p:txBody>
      </p:sp>
      <p:sp>
        <p:nvSpPr>
          <p:cNvPr id="8" name="Rectangle 9">
            <a:extLst>
              <a:ext uri="{FF2B5EF4-FFF2-40B4-BE49-F238E27FC236}">
                <a16:creationId xmlns:a16="http://schemas.microsoft.com/office/drawing/2014/main" id="{AE5D1DAE-4466-4BD9-80FF-8C0EDAF1AE88}"/>
              </a:ext>
            </a:extLst>
          </p:cNvPr>
          <p:cNvSpPr>
            <a:spLocks noGrp="1" noChangeArrowheads="1"/>
          </p:cNvSpPr>
          <p:nvPr>
            <p:ph type="title"/>
          </p:nvPr>
        </p:nvSpPr>
        <p:spPr bwMode="auto">
          <a:xfrm>
            <a:off x="406400" y="326364"/>
            <a:ext cx="9338006"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
        <p:nvSpPr>
          <p:cNvPr id="2" name="Rectangle 1" descr="{&quot;templafy&quot;:{&quot;id&quot;:&quot;8648f05d-9d66-45f8-8518-180f286b6d80&quot;}}">
            <a:extLst>
              <a:ext uri="{FF2B5EF4-FFF2-40B4-BE49-F238E27FC236}">
                <a16:creationId xmlns:a16="http://schemas.microsoft.com/office/drawing/2014/main" id="{0F3A2BB4-FA6B-432E-D2D7-65CDC257C818}"/>
              </a:ext>
            </a:extLst>
          </p:cNvPr>
          <p:cNvSpPr/>
          <p:nvPr userDrawn="1"/>
        </p:nvSpPr>
        <p:spPr bwMode="auto">
          <a:xfrm>
            <a:off x="335360" y="6565180"/>
            <a:ext cx="1717328" cy="19911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GB" sz="1050" b="1" i="0" u="none" strike="noStrike" cap="none" normalizeH="0" baseline="0" dirty="0">
              <a:ln>
                <a:noFill/>
              </a:ln>
              <a:solidFill>
                <a:schemeClr val="tx1"/>
              </a:solidFill>
              <a:effectLst/>
              <a:latin typeface="+mn-lt"/>
              <a:ea typeface="ＭＳ Ｐゴシック" pitchFamily="-128" charset="-128"/>
            </a:endParaRPr>
          </a:p>
        </p:txBody>
      </p:sp>
    </p:spTree>
    <p:extLst>
      <p:ext uri="{BB962C8B-B14F-4D97-AF65-F5344CB8AC3E}">
        <p14:creationId xmlns:p14="http://schemas.microsoft.com/office/powerpoint/2010/main" val="1831787043"/>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and Content">
    <p:spTree>
      <p:nvGrpSpPr>
        <p:cNvPr id="1" name=""/>
        <p:cNvGrpSpPr/>
        <p:nvPr/>
      </p:nvGrpSpPr>
      <p:grpSpPr>
        <a:xfrm>
          <a:off x="0" y="0"/>
          <a:ext cx="0" cy="0"/>
          <a:chOff x="0" y="0"/>
          <a:chExt cx="0" cy="0"/>
        </a:xfrm>
      </p:grpSpPr>
      <p:sp>
        <p:nvSpPr>
          <p:cNvPr id="7" name="Picture Placeholder 6"/>
          <p:cNvSpPr>
            <a:spLocks noGrp="1"/>
          </p:cNvSpPr>
          <p:nvPr>
            <p:ph type="pic" sz="quarter" idx="11" hasCustomPrompt="1"/>
          </p:nvPr>
        </p:nvSpPr>
        <p:spPr>
          <a:xfrm>
            <a:off x="8128000" y="333376"/>
            <a:ext cx="4064000" cy="6524625"/>
          </a:xfrm>
          <a:prstGeom prst="rect">
            <a:avLst/>
          </a:prstGeom>
          <a:solidFill>
            <a:srgbClr val="93A5B0"/>
          </a:solidFill>
          <a:ln>
            <a:noFill/>
          </a:ln>
        </p:spPr>
        <p:txBody>
          <a:bodyPr/>
          <a:lstStyle>
            <a:lvl1pPr marL="0" indent="0">
              <a:buNone/>
              <a:defRPr sz="1600"/>
            </a:lvl1pPr>
          </a:lstStyle>
          <a:p>
            <a:r>
              <a:rPr lang="en-GB" dirty="0"/>
              <a:t>Insert image via Templafy pane </a:t>
            </a:r>
            <a:endParaRPr lang="en-GB"/>
          </a:p>
        </p:txBody>
      </p:sp>
      <p:sp>
        <p:nvSpPr>
          <p:cNvPr id="3" name="Content Placeholder 2"/>
          <p:cNvSpPr>
            <a:spLocks noGrp="1"/>
          </p:cNvSpPr>
          <p:nvPr>
            <p:ph idx="1"/>
          </p:nvPr>
        </p:nvSpPr>
        <p:spPr>
          <a:xfrm>
            <a:off x="406400" y="1340767"/>
            <a:ext cx="7633816" cy="5363245"/>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6" name="Rectangle 11">
            <a:extLst>
              <a:ext uri="{FF2B5EF4-FFF2-40B4-BE49-F238E27FC236}">
                <a16:creationId xmlns:a16="http://schemas.microsoft.com/office/drawing/2014/main" id="{2CC16FB9-2515-42E6-A4CE-A70F66C9EA48}"/>
              </a:ext>
            </a:extLst>
          </p:cNvPr>
          <p:cNvSpPr txBox="1">
            <a:spLocks noChangeArrowheads="1"/>
          </p:cNvSpPr>
          <p:nvPr userDrawn="1"/>
        </p:nvSpPr>
        <p:spPr bwMode="auto">
          <a:xfrm>
            <a:off x="9227864" y="6416675"/>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defPPr>
              <a:defRPr lang="en-US"/>
            </a:defPPr>
            <a:lvl1pPr algn="r" rtl="0" eaLnBrk="0" fontAlgn="base" hangingPunct="0">
              <a:spcBef>
                <a:spcPct val="0"/>
              </a:spcBef>
              <a:spcAft>
                <a:spcPct val="0"/>
              </a:spcAft>
              <a:defRPr sz="1400" kern="1200">
                <a:solidFill>
                  <a:schemeClr val="tx1"/>
                </a:solidFill>
                <a:latin typeface="Arial" charset="0"/>
                <a:ea typeface="ＭＳ Ｐゴシック" pitchFamily="-128" charset="-128"/>
                <a:cs typeface="+mn-cs"/>
              </a:defRPr>
            </a:lvl1pPr>
            <a:lvl2pPr marL="4572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2pPr>
            <a:lvl3pPr marL="9144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3pPr>
            <a:lvl4pPr marL="13716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4pPr>
            <a:lvl5pPr marL="18288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5pPr>
            <a:lvl6pPr marL="2286000" algn="l" defTabSz="914400" rtl="0" eaLnBrk="1" latinLnBrk="0" hangingPunct="1">
              <a:defRPr sz="2400" kern="1200">
                <a:solidFill>
                  <a:schemeClr val="tx1"/>
                </a:solidFill>
                <a:latin typeface="Arial" charset="0"/>
                <a:ea typeface="ＭＳ Ｐゴシック" pitchFamily="-128" charset="-128"/>
                <a:cs typeface="+mn-cs"/>
              </a:defRPr>
            </a:lvl6pPr>
            <a:lvl7pPr marL="2743200" algn="l" defTabSz="914400" rtl="0" eaLnBrk="1" latinLnBrk="0" hangingPunct="1">
              <a:defRPr sz="2400" kern="1200">
                <a:solidFill>
                  <a:schemeClr val="tx1"/>
                </a:solidFill>
                <a:latin typeface="Arial" charset="0"/>
                <a:ea typeface="ＭＳ Ｐゴシック" pitchFamily="-128" charset="-128"/>
                <a:cs typeface="+mn-cs"/>
              </a:defRPr>
            </a:lvl7pPr>
            <a:lvl8pPr marL="3200400" algn="l" defTabSz="914400" rtl="0" eaLnBrk="1" latinLnBrk="0" hangingPunct="1">
              <a:defRPr sz="2400" kern="1200">
                <a:solidFill>
                  <a:schemeClr val="tx1"/>
                </a:solidFill>
                <a:latin typeface="Arial" charset="0"/>
                <a:ea typeface="ＭＳ Ｐゴシック" pitchFamily="-128" charset="-128"/>
                <a:cs typeface="+mn-cs"/>
              </a:defRPr>
            </a:lvl8pPr>
            <a:lvl9pPr marL="3657600" algn="l" defTabSz="914400" rtl="0" eaLnBrk="1" latinLnBrk="0" hangingPunct="1">
              <a:defRPr sz="2400" kern="1200">
                <a:solidFill>
                  <a:schemeClr val="tx1"/>
                </a:solidFill>
                <a:latin typeface="Arial" charset="0"/>
                <a:ea typeface="ＭＳ Ｐゴシック" pitchFamily="-128" charset="-128"/>
                <a:cs typeface="+mn-cs"/>
              </a:defRPr>
            </a:lvl9pPr>
          </a:lstStyle>
          <a:p>
            <a:pPr>
              <a:defRPr/>
            </a:pPr>
            <a:fld id="{0E808A4E-B55F-4717-AB09-68D98B68A291}" type="slidenum">
              <a:rPr lang="en-GB" sz="1050" smtClean="0">
                <a:latin typeface="+mn-lt"/>
              </a:rPr>
              <a:pPr>
                <a:defRPr/>
              </a:pPr>
              <a:t>‹#›</a:t>
            </a:fld>
            <a:endParaRPr lang="en-GB" sz="1050" dirty="0">
              <a:latin typeface="+mn-lt"/>
            </a:endParaRPr>
          </a:p>
        </p:txBody>
      </p:sp>
      <p:sp>
        <p:nvSpPr>
          <p:cNvPr id="8" name="Rectangle 9">
            <a:extLst>
              <a:ext uri="{FF2B5EF4-FFF2-40B4-BE49-F238E27FC236}">
                <a16:creationId xmlns:a16="http://schemas.microsoft.com/office/drawing/2014/main" id="{DA3785E1-50F5-4DF4-ADB9-6F555A09F16E}"/>
              </a:ext>
            </a:extLst>
          </p:cNvPr>
          <p:cNvSpPr>
            <a:spLocks noGrp="1" noChangeArrowheads="1"/>
          </p:cNvSpPr>
          <p:nvPr>
            <p:ph type="title"/>
          </p:nvPr>
        </p:nvSpPr>
        <p:spPr bwMode="auto">
          <a:xfrm>
            <a:off x="406400" y="326364"/>
            <a:ext cx="7633816"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
        <p:nvSpPr>
          <p:cNvPr id="2" name="Rectangle 1" descr="{&quot;templafy&quot;:{&quot;id&quot;:&quot;c96913c0-7f3d-4192-8a4b-f874de74a5b9&quot;}}">
            <a:extLst>
              <a:ext uri="{FF2B5EF4-FFF2-40B4-BE49-F238E27FC236}">
                <a16:creationId xmlns:a16="http://schemas.microsoft.com/office/drawing/2014/main" id="{34A8C1F4-0A29-1DE0-ACCC-E7EF47452BBA}"/>
              </a:ext>
            </a:extLst>
          </p:cNvPr>
          <p:cNvSpPr/>
          <p:nvPr userDrawn="1"/>
        </p:nvSpPr>
        <p:spPr bwMode="auto">
          <a:xfrm>
            <a:off x="335360" y="6565180"/>
            <a:ext cx="1717328" cy="19911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GB" sz="1050" b="1" i="0" u="none" strike="noStrike" cap="none" normalizeH="0" baseline="0" dirty="0">
              <a:ln>
                <a:noFill/>
              </a:ln>
              <a:solidFill>
                <a:schemeClr val="tx1"/>
              </a:solidFill>
              <a:effectLst/>
              <a:latin typeface="+mn-lt"/>
              <a:ea typeface="ＭＳ Ｐゴシック" pitchFamily="-128" charset="-128"/>
            </a:endParaRPr>
          </a:p>
        </p:txBody>
      </p:sp>
    </p:spTree>
    <p:extLst>
      <p:ext uri="{BB962C8B-B14F-4D97-AF65-F5344CB8AC3E}">
        <p14:creationId xmlns:p14="http://schemas.microsoft.com/office/powerpoint/2010/main" val="3568989455"/>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a:xfrm>
            <a:off x="3359697" y="1340768"/>
            <a:ext cx="8352928" cy="5363245"/>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7" name="Picture Placeholder 6">
            <a:extLst>
              <a:ext uri="{FF2B5EF4-FFF2-40B4-BE49-F238E27FC236}">
                <a16:creationId xmlns:a16="http://schemas.microsoft.com/office/drawing/2014/main" id="{CEA90DE5-86E1-4736-A3C5-78527C7C4BA6}"/>
              </a:ext>
            </a:extLst>
          </p:cNvPr>
          <p:cNvSpPr>
            <a:spLocks noGrp="1"/>
          </p:cNvSpPr>
          <p:nvPr>
            <p:ph type="pic" sz="quarter" idx="12" hasCustomPrompt="1"/>
          </p:nvPr>
        </p:nvSpPr>
        <p:spPr bwMode="auto">
          <a:xfrm>
            <a:off x="2721" y="325283"/>
            <a:ext cx="4010185" cy="6532717"/>
          </a:xfrm>
          <a:custGeom>
            <a:avLst/>
            <a:gdLst>
              <a:gd name="connsiteX0" fmla="*/ 0 w 2268537"/>
              <a:gd name="connsiteY0" fmla="*/ 0 h 6524625"/>
              <a:gd name="connsiteX1" fmla="*/ 1890440 w 2268537"/>
              <a:gd name="connsiteY1" fmla="*/ 0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1585047 w 2268537"/>
              <a:gd name="connsiteY2" fmla="*/ 1070824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9236 h 6533861"/>
              <a:gd name="connsiteX1" fmla="*/ 1216185 w 2268537"/>
              <a:gd name="connsiteY1" fmla="*/ 0 h 6533861"/>
              <a:gd name="connsiteX2" fmla="*/ 1585047 w 2268537"/>
              <a:gd name="connsiteY2" fmla="*/ 1080060 h 6533861"/>
              <a:gd name="connsiteX3" fmla="*/ 2268537 w 2268537"/>
              <a:gd name="connsiteY3" fmla="*/ 6533861 h 6533861"/>
              <a:gd name="connsiteX4" fmla="*/ 0 w 2268537"/>
              <a:gd name="connsiteY4" fmla="*/ 6533861 h 6533861"/>
              <a:gd name="connsiteX5" fmla="*/ 0 w 2268537"/>
              <a:gd name="connsiteY5" fmla="*/ 9236 h 6533861"/>
              <a:gd name="connsiteX0" fmla="*/ 0 w 2243137"/>
              <a:gd name="connsiteY0" fmla="*/ 9236 h 6533861"/>
              <a:gd name="connsiteX1" fmla="*/ 1216185 w 2243137"/>
              <a:gd name="connsiteY1" fmla="*/ 0 h 6533861"/>
              <a:gd name="connsiteX2" fmla="*/ 1585047 w 2243137"/>
              <a:gd name="connsiteY2" fmla="*/ 1080060 h 6533861"/>
              <a:gd name="connsiteX3" fmla="*/ 2243137 w 2243137"/>
              <a:gd name="connsiteY3" fmla="*/ 6533861 h 6533861"/>
              <a:gd name="connsiteX4" fmla="*/ 0 w 2243137"/>
              <a:gd name="connsiteY4" fmla="*/ 6533861 h 6533861"/>
              <a:gd name="connsiteX5" fmla="*/ 0 w 2243137"/>
              <a:gd name="connsiteY5"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60600 w 2260600"/>
              <a:gd name="connsiteY3" fmla="*/ 5587711 h 6533861"/>
              <a:gd name="connsiteX4" fmla="*/ 2243137 w 2260600"/>
              <a:gd name="connsiteY4" fmla="*/ 6533861 h 6533861"/>
              <a:gd name="connsiteX5" fmla="*/ 0 w 2260600"/>
              <a:gd name="connsiteY5" fmla="*/ 6533861 h 6533861"/>
              <a:gd name="connsiteX6" fmla="*/ 0 w 2260600"/>
              <a:gd name="connsiteY6" fmla="*/ 9236 h 6533861"/>
              <a:gd name="connsiteX0" fmla="*/ 0 w 2270649"/>
              <a:gd name="connsiteY0" fmla="*/ 9236 h 6533861"/>
              <a:gd name="connsiteX1" fmla="*/ 1216185 w 2270649"/>
              <a:gd name="connsiteY1" fmla="*/ 0 h 6533861"/>
              <a:gd name="connsiteX2" fmla="*/ 1585047 w 2270649"/>
              <a:gd name="connsiteY2" fmla="*/ 1080060 h 6533861"/>
              <a:gd name="connsiteX3" fmla="*/ 2209800 w 2270649"/>
              <a:gd name="connsiteY3" fmla="*/ 4463761 h 6533861"/>
              <a:gd name="connsiteX4" fmla="*/ 2260600 w 2270649"/>
              <a:gd name="connsiteY4" fmla="*/ 5587711 h 6533861"/>
              <a:gd name="connsiteX5" fmla="*/ 2243137 w 2270649"/>
              <a:gd name="connsiteY5" fmla="*/ 6533861 h 6533861"/>
              <a:gd name="connsiteX6" fmla="*/ 0 w 2270649"/>
              <a:gd name="connsiteY6" fmla="*/ 6533861 h 6533861"/>
              <a:gd name="connsiteX7" fmla="*/ 0 w 2270649"/>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098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73405"/>
              <a:gd name="connsiteY0" fmla="*/ 9236 h 6533861"/>
              <a:gd name="connsiteX1" fmla="*/ 1216185 w 2273405"/>
              <a:gd name="connsiteY1" fmla="*/ 0 h 6533861"/>
              <a:gd name="connsiteX2" fmla="*/ 1585047 w 2273405"/>
              <a:gd name="connsiteY2" fmla="*/ 1080060 h 6533861"/>
              <a:gd name="connsiteX3" fmla="*/ 2235200 w 2273405"/>
              <a:gd name="connsiteY3" fmla="*/ 4463761 h 6533861"/>
              <a:gd name="connsiteX4" fmla="*/ 2260600 w 2273405"/>
              <a:gd name="connsiteY4" fmla="*/ 5587711 h 6533861"/>
              <a:gd name="connsiteX5" fmla="*/ 2243137 w 2273405"/>
              <a:gd name="connsiteY5" fmla="*/ 6533861 h 6533861"/>
              <a:gd name="connsiteX6" fmla="*/ 0 w 2273405"/>
              <a:gd name="connsiteY6" fmla="*/ 6533861 h 6533861"/>
              <a:gd name="connsiteX7" fmla="*/ 0 w 2273405"/>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352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1898650 w 2260600"/>
              <a:gd name="connsiteY3" fmla="*/ 2279361 h 6533861"/>
              <a:gd name="connsiteX4" fmla="*/ 2095500 w 2260600"/>
              <a:gd name="connsiteY4" fmla="*/ 3454111 h 6533861"/>
              <a:gd name="connsiteX5" fmla="*/ 2235200 w 2260600"/>
              <a:gd name="connsiteY5" fmla="*/ 4463761 h 6533861"/>
              <a:gd name="connsiteX6" fmla="*/ 2260600 w 2260600"/>
              <a:gd name="connsiteY6" fmla="*/ 5587711 h 6533861"/>
              <a:gd name="connsiteX7" fmla="*/ 2243137 w 2260600"/>
              <a:gd name="connsiteY7" fmla="*/ 6533861 h 6533861"/>
              <a:gd name="connsiteX8" fmla="*/ 0 w 2260600"/>
              <a:gd name="connsiteY8" fmla="*/ 6533861 h 6533861"/>
              <a:gd name="connsiteX9" fmla="*/ 0 w 2260600"/>
              <a:gd name="connsiteY9" fmla="*/ 9236 h 6533861"/>
              <a:gd name="connsiteX0" fmla="*/ 0 w 4010185"/>
              <a:gd name="connsiteY0" fmla="*/ 2886 h 6527511"/>
              <a:gd name="connsiteX1" fmla="*/ 4010185 w 4010185"/>
              <a:gd name="connsiteY1" fmla="*/ 0 h 6527511"/>
              <a:gd name="connsiteX2" fmla="*/ 1585047 w 4010185"/>
              <a:gd name="connsiteY2" fmla="*/ 1073710 h 6527511"/>
              <a:gd name="connsiteX3" fmla="*/ 1898650 w 4010185"/>
              <a:gd name="connsiteY3" fmla="*/ 2273011 h 6527511"/>
              <a:gd name="connsiteX4" fmla="*/ 2095500 w 4010185"/>
              <a:gd name="connsiteY4" fmla="*/ 3447761 h 6527511"/>
              <a:gd name="connsiteX5" fmla="*/ 2235200 w 4010185"/>
              <a:gd name="connsiteY5" fmla="*/ 4457411 h 6527511"/>
              <a:gd name="connsiteX6" fmla="*/ 2260600 w 4010185"/>
              <a:gd name="connsiteY6" fmla="*/ 5581361 h 6527511"/>
              <a:gd name="connsiteX7" fmla="*/ 2243137 w 4010185"/>
              <a:gd name="connsiteY7" fmla="*/ 6527511 h 6527511"/>
              <a:gd name="connsiteX8" fmla="*/ 0 w 4010185"/>
              <a:gd name="connsiteY8" fmla="*/ 6527511 h 6527511"/>
              <a:gd name="connsiteX9" fmla="*/ 0 w 4010185"/>
              <a:gd name="connsiteY9"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1898650 w 4010185"/>
              <a:gd name="connsiteY3" fmla="*/ 2273011 h 6527511"/>
              <a:gd name="connsiteX4" fmla="*/ 2095500 w 4010185"/>
              <a:gd name="connsiteY4" fmla="*/ 3447761 h 6527511"/>
              <a:gd name="connsiteX5" fmla="*/ 2235200 w 4010185"/>
              <a:gd name="connsiteY5" fmla="*/ 4457411 h 6527511"/>
              <a:gd name="connsiteX6" fmla="*/ 2260600 w 4010185"/>
              <a:gd name="connsiteY6" fmla="*/ 5581361 h 6527511"/>
              <a:gd name="connsiteX7" fmla="*/ 2243137 w 4010185"/>
              <a:gd name="connsiteY7" fmla="*/ 6527511 h 6527511"/>
              <a:gd name="connsiteX8" fmla="*/ 0 w 4010185"/>
              <a:gd name="connsiteY8" fmla="*/ 6527511 h 6527511"/>
              <a:gd name="connsiteX9" fmla="*/ 0 w 4010185"/>
              <a:gd name="connsiteY9"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705100 w 4010185"/>
              <a:gd name="connsiteY3" fmla="*/ 1828511 h 6527511"/>
              <a:gd name="connsiteX4" fmla="*/ 2095500 w 4010185"/>
              <a:gd name="connsiteY4" fmla="*/ 3447761 h 6527511"/>
              <a:gd name="connsiteX5" fmla="*/ 2235200 w 4010185"/>
              <a:gd name="connsiteY5" fmla="*/ 4457411 h 6527511"/>
              <a:gd name="connsiteX6" fmla="*/ 2260600 w 4010185"/>
              <a:gd name="connsiteY6" fmla="*/ 5581361 h 6527511"/>
              <a:gd name="connsiteX7" fmla="*/ 2243137 w 4010185"/>
              <a:gd name="connsiteY7" fmla="*/ 6527511 h 6527511"/>
              <a:gd name="connsiteX8" fmla="*/ 0 w 4010185"/>
              <a:gd name="connsiteY8" fmla="*/ 6527511 h 6527511"/>
              <a:gd name="connsiteX9" fmla="*/ 0 w 4010185"/>
              <a:gd name="connsiteY9"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095500 w 4010185"/>
              <a:gd name="connsiteY3" fmla="*/ 3447761 h 6527511"/>
              <a:gd name="connsiteX4" fmla="*/ 2235200 w 4010185"/>
              <a:gd name="connsiteY4" fmla="*/ 4457411 h 6527511"/>
              <a:gd name="connsiteX5" fmla="*/ 2260600 w 4010185"/>
              <a:gd name="connsiteY5" fmla="*/ 5581361 h 6527511"/>
              <a:gd name="connsiteX6" fmla="*/ 22431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2235200 w 4010185"/>
              <a:gd name="connsiteY4" fmla="*/ 4457411 h 6527511"/>
              <a:gd name="connsiteX5" fmla="*/ 2260600 w 4010185"/>
              <a:gd name="connsiteY5" fmla="*/ 5581361 h 6527511"/>
              <a:gd name="connsiteX6" fmla="*/ 22431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2063750 w 4010185"/>
              <a:gd name="connsiteY4" fmla="*/ 4438361 h 6527511"/>
              <a:gd name="connsiteX5" fmla="*/ 2260600 w 4010185"/>
              <a:gd name="connsiteY5" fmla="*/ 5581361 h 6527511"/>
              <a:gd name="connsiteX6" fmla="*/ 22431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2260600 w 4010185"/>
              <a:gd name="connsiteY4" fmla="*/ 5581361 h 6527511"/>
              <a:gd name="connsiteX5" fmla="*/ 2243137 w 4010185"/>
              <a:gd name="connsiteY5" fmla="*/ 6527511 h 6527511"/>
              <a:gd name="connsiteX6" fmla="*/ 0 w 4010185"/>
              <a:gd name="connsiteY6" fmla="*/ 6527511 h 6527511"/>
              <a:gd name="connsiteX7" fmla="*/ 0 w 4010185"/>
              <a:gd name="connsiteY7"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1981200 w 4010185"/>
              <a:gd name="connsiteY4" fmla="*/ 4793961 h 6527511"/>
              <a:gd name="connsiteX5" fmla="*/ 2243137 w 4010185"/>
              <a:gd name="connsiteY5" fmla="*/ 6527511 h 6527511"/>
              <a:gd name="connsiteX6" fmla="*/ 0 w 4010185"/>
              <a:gd name="connsiteY6" fmla="*/ 6527511 h 6527511"/>
              <a:gd name="connsiteX7" fmla="*/ 0 w 4010185"/>
              <a:gd name="connsiteY7"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1981200 w 4010185"/>
              <a:gd name="connsiteY4" fmla="*/ 4793961 h 6527511"/>
              <a:gd name="connsiteX5" fmla="*/ 2014537 w 4010185"/>
              <a:gd name="connsiteY5" fmla="*/ 6527511 h 6527511"/>
              <a:gd name="connsiteX6" fmla="*/ 0 w 4010185"/>
              <a:gd name="connsiteY6" fmla="*/ 6527511 h 6527511"/>
              <a:gd name="connsiteX7" fmla="*/ 0 w 4010185"/>
              <a:gd name="connsiteY7"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1981200 w 4010185"/>
              <a:gd name="connsiteY4" fmla="*/ 4793961 h 6527511"/>
              <a:gd name="connsiteX5" fmla="*/ 1930399 w 4010185"/>
              <a:gd name="connsiteY5" fmla="*/ 5625811 h 6527511"/>
              <a:gd name="connsiteX6" fmla="*/ 20145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1993900 w 4010185"/>
              <a:gd name="connsiteY4" fmla="*/ 4463761 h 6527511"/>
              <a:gd name="connsiteX5" fmla="*/ 1930399 w 4010185"/>
              <a:gd name="connsiteY5" fmla="*/ 5625811 h 6527511"/>
              <a:gd name="connsiteX6" fmla="*/ 20145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1993900 w 4010185"/>
              <a:gd name="connsiteY4" fmla="*/ 4463761 h 6527511"/>
              <a:gd name="connsiteX5" fmla="*/ 1930399 w 4010185"/>
              <a:gd name="connsiteY5" fmla="*/ 5625811 h 6527511"/>
              <a:gd name="connsiteX6" fmla="*/ 20145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1993900 w 4010185"/>
              <a:gd name="connsiteY4" fmla="*/ 4444711 h 6527511"/>
              <a:gd name="connsiteX5" fmla="*/ 1930399 w 4010185"/>
              <a:gd name="connsiteY5" fmla="*/ 5625811 h 6527511"/>
              <a:gd name="connsiteX6" fmla="*/ 20145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1930399 w 4010185"/>
              <a:gd name="connsiteY4" fmla="*/ 5625811 h 6527511"/>
              <a:gd name="connsiteX5" fmla="*/ 2014537 w 4010185"/>
              <a:gd name="connsiteY5" fmla="*/ 6527511 h 6527511"/>
              <a:gd name="connsiteX6" fmla="*/ 0 w 4010185"/>
              <a:gd name="connsiteY6" fmla="*/ 6527511 h 6527511"/>
              <a:gd name="connsiteX7" fmla="*/ 0 w 4010185"/>
              <a:gd name="connsiteY7"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92400 w 4010185"/>
              <a:gd name="connsiteY3" fmla="*/ 2146011 h 6527511"/>
              <a:gd name="connsiteX4" fmla="*/ 2095499 w 4010185"/>
              <a:gd name="connsiteY4" fmla="*/ 3936711 h 6527511"/>
              <a:gd name="connsiteX5" fmla="*/ 1930399 w 4010185"/>
              <a:gd name="connsiteY5" fmla="*/ 5625811 h 6527511"/>
              <a:gd name="connsiteX6" fmla="*/ 20145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30399 w 4010185"/>
              <a:gd name="connsiteY5" fmla="*/ 5625811 h 6527511"/>
              <a:gd name="connsiteX6" fmla="*/ 20145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30399 w 4010185"/>
              <a:gd name="connsiteY5" fmla="*/ 5810538 h 6527511"/>
              <a:gd name="connsiteX6" fmla="*/ 20145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30399 w 4010185"/>
              <a:gd name="connsiteY5" fmla="*/ 5810538 h 6527511"/>
              <a:gd name="connsiteX6" fmla="*/ 2014537 w 4010185"/>
              <a:gd name="connsiteY6" fmla="*/ 6527511 h 6527511"/>
              <a:gd name="connsiteX7" fmla="*/ 0 w 4010185"/>
              <a:gd name="connsiteY7" fmla="*/ 6527511 h 6527511"/>
              <a:gd name="connsiteX8" fmla="*/ 0 w 4010185"/>
              <a:gd name="connsiteY8"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30399 w 4010185"/>
              <a:gd name="connsiteY5" fmla="*/ 4804929 h 6527511"/>
              <a:gd name="connsiteX6" fmla="*/ 1930399 w 4010185"/>
              <a:gd name="connsiteY6" fmla="*/ 5810538 h 6527511"/>
              <a:gd name="connsiteX7" fmla="*/ 2014537 w 4010185"/>
              <a:gd name="connsiteY7" fmla="*/ 6527511 h 6527511"/>
              <a:gd name="connsiteX8" fmla="*/ 0 w 4010185"/>
              <a:gd name="connsiteY8" fmla="*/ 6527511 h 6527511"/>
              <a:gd name="connsiteX9" fmla="*/ 0 w 4010185"/>
              <a:gd name="connsiteY9"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30399 w 4010185"/>
              <a:gd name="connsiteY5" fmla="*/ 4804929 h 6527511"/>
              <a:gd name="connsiteX6" fmla="*/ 1893454 w 4010185"/>
              <a:gd name="connsiteY6" fmla="*/ 5349875 h 6527511"/>
              <a:gd name="connsiteX7" fmla="*/ 1930399 w 4010185"/>
              <a:gd name="connsiteY7" fmla="*/ 5810538 h 6527511"/>
              <a:gd name="connsiteX8" fmla="*/ 2014537 w 4010185"/>
              <a:gd name="connsiteY8" fmla="*/ 6527511 h 6527511"/>
              <a:gd name="connsiteX9" fmla="*/ 0 w 4010185"/>
              <a:gd name="connsiteY9" fmla="*/ 6527511 h 6527511"/>
              <a:gd name="connsiteX10" fmla="*/ 0 w 4010185"/>
              <a:gd name="connsiteY10"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30399 w 4010185"/>
              <a:gd name="connsiteY5" fmla="*/ 4804929 h 6527511"/>
              <a:gd name="connsiteX6" fmla="*/ 1893454 w 4010185"/>
              <a:gd name="connsiteY6" fmla="*/ 5349875 h 6527511"/>
              <a:gd name="connsiteX7" fmla="*/ 1930399 w 4010185"/>
              <a:gd name="connsiteY7" fmla="*/ 5810538 h 6527511"/>
              <a:gd name="connsiteX8" fmla="*/ 1958108 w 4010185"/>
              <a:gd name="connsiteY8" fmla="*/ 6181147 h 6527511"/>
              <a:gd name="connsiteX9" fmla="*/ 2014537 w 4010185"/>
              <a:gd name="connsiteY9" fmla="*/ 6527511 h 6527511"/>
              <a:gd name="connsiteX10" fmla="*/ 0 w 4010185"/>
              <a:gd name="connsiteY10" fmla="*/ 6527511 h 6527511"/>
              <a:gd name="connsiteX11" fmla="*/ 0 w 4010185"/>
              <a:gd name="connsiteY11"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30399 w 4010185"/>
              <a:gd name="connsiteY5" fmla="*/ 4804929 h 6527511"/>
              <a:gd name="connsiteX6" fmla="*/ 1893454 w 4010185"/>
              <a:gd name="connsiteY6" fmla="*/ 5349875 h 6527511"/>
              <a:gd name="connsiteX7" fmla="*/ 1893454 w 4010185"/>
              <a:gd name="connsiteY7" fmla="*/ 5745884 h 6527511"/>
              <a:gd name="connsiteX8" fmla="*/ 1958108 w 4010185"/>
              <a:gd name="connsiteY8" fmla="*/ 6181147 h 6527511"/>
              <a:gd name="connsiteX9" fmla="*/ 2014537 w 4010185"/>
              <a:gd name="connsiteY9" fmla="*/ 6527511 h 6527511"/>
              <a:gd name="connsiteX10" fmla="*/ 0 w 4010185"/>
              <a:gd name="connsiteY10" fmla="*/ 6527511 h 6527511"/>
              <a:gd name="connsiteX11" fmla="*/ 0 w 4010185"/>
              <a:gd name="connsiteY11"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30399 w 4010185"/>
              <a:gd name="connsiteY5" fmla="*/ 4804929 h 6527511"/>
              <a:gd name="connsiteX6" fmla="*/ 1893454 w 4010185"/>
              <a:gd name="connsiteY6" fmla="*/ 5349875 h 6527511"/>
              <a:gd name="connsiteX7" fmla="*/ 1911927 w 4010185"/>
              <a:gd name="connsiteY7" fmla="*/ 5727411 h 6527511"/>
              <a:gd name="connsiteX8" fmla="*/ 1958108 w 4010185"/>
              <a:gd name="connsiteY8" fmla="*/ 6181147 h 6527511"/>
              <a:gd name="connsiteX9" fmla="*/ 2014537 w 4010185"/>
              <a:gd name="connsiteY9" fmla="*/ 6527511 h 6527511"/>
              <a:gd name="connsiteX10" fmla="*/ 0 w 4010185"/>
              <a:gd name="connsiteY10" fmla="*/ 6527511 h 6527511"/>
              <a:gd name="connsiteX11" fmla="*/ 0 w 4010185"/>
              <a:gd name="connsiteY11"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30399 w 4010185"/>
              <a:gd name="connsiteY5" fmla="*/ 4804929 h 6527511"/>
              <a:gd name="connsiteX6" fmla="*/ 1893454 w 4010185"/>
              <a:gd name="connsiteY6" fmla="*/ 5266748 h 6527511"/>
              <a:gd name="connsiteX7" fmla="*/ 1911927 w 4010185"/>
              <a:gd name="connsiteY7" fmla="*/ 5727411 h 6527511"/>
              <a:gd name="connsiteX8" fmla="*/ 1958108 w 4010185"/>
              <a:gd name="connsiteY8" fmla="*/ 6181147 h 6527511"/>
              <a:gd name="connsiteX9" fmla="*/ 2014537 w 4010185"/>
              <a:gd name="connsiteY9" fmla="*/ 6527511 h 6527511"/>
              <a:gd name="connsiteX10" fmla="*/ 0 w 4010185"/>
              <a:gd name="connsiteY10" fmla="*/ 6527511 h 6527511"/>
              <a:gd name="connsiteX11" fmla="*/ 0 w 4010185"/>
              <a:gd name="connsiteY11" fmla="*/ 2886 h 6527511"/>
              <a:gd name="connsiteX0" fmla="*/ 0 w 4010185"/>
              <a:gd name="connsiteY0" fmla="*/ 2886 h 6527511"/>
              <a:gd name="connsiteX1" fmla="*/ 4010185 w 4010185"/>
              <a:gd name="connsiteY1" fmla="*/ 0 h 6527511"/>
              <a:gd name="connsiteX2" fmla="*/ 3617047 w 4010185"/>
              <a:gd name="connsiteY2" fmla="*/ 476810 h 6527511"/>
              <a:gd name="connsiteX3" fmla="*/ 2641600 w 4010185"/>
              <a:gd name="connsiteY3" fmla="*/ 2228561 h 6527511"/>
              <a:gd name="connsiteX4" fmla="*/ 2095499 w 4010185"/>
              <a:gd name="connsiteY4" fmla="*/ 3936711 h 6527511"/>
              <a:gd name="connsiteX5" fmla="*/ 1958108 w 4010185"/>
              <a:gd name="connsiteY5" fmla="*/ 4518602 h 6527511"/>
              <a:gd name="connsiteX6" fmla="*/ 1893454 w 4010185"/>
              <a:gd name="connsiteY6" fmla="*/ 5266748 h 6527511"/>
              <a:gd name="connsiteX7" fmla="*/ 1911927 w 4010185"/>
              <a:gd name="connsiteY7" fmla="*/ 5727411 h 6527511"/>
              <a:gd name="connsiteX8" fmla="*/ 1958108 w 4010185"/>
              <a:gd name="connsiteY8" fmla="*/ 6181147 h 6527511"/>
              <a:gd name="connsiteX9" fmla="*/ 2014537 w 4010185"/>
              <a:gd name="connsiteY9" fmla="*/ 6527511 h 6527511"/>
              <a:gd name="connsiteX10" fmla="*/ 0 w 4010185"/>
              <a:gd name="connsiteY10" fmla="*/ 6527511 h 6527511"/>
              <a:gd name="connsiteX11" fmla="*/ 0 w 4010185"/>
              <a:gd name="connsiteY11"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2641600 w 4010185"/>
              <a:gd name="connsiteY3" fmla="*/ 2228561 h 6527511"/>
              <a:gd name="connsiteX4" fmla="*/ 2095499 w 4010185"/>
              <a:gd name="connsiteY4" fmla="*/ 3936711 h 6527511"/>
              <a:gd name="connsiteX5" fmla="*/ 1958108 w 4010185"/>
              <a:gd name="connsiteY5" fmla="*/ 4518602 h 6527511"/>
              <a:gd name="connsiteX6" fmla="*/ 1893454 w 4010185"/>
              <a:gd name="connsiteY6" fmla="*/ 5266748 h 6527511"/>
              <a:gd name="connsiteX7" fmla="*/ 1911927 w 4010185"/>
              <a:gd name="connsiteY7" fmla="*/ 5727411 h 6527511"/>
              <a:gd name="connsiteX8" fmla="*/ 1958108 w 4010185"/>
              <a:gd name="connsiteY8" fmla="*/ 6181147 h 6527511"/>
              <a:gd name="connsiteX9" fmla="*/ 2014537 w 4010185"/>
              <a:gd name="connsiteY9" fmla="*/ 6527511 h 6527511"/>
              <a:gd name="connsiteX10" fmla="*/ 0 w 4010185"/>
              <a:gd name="connsiteY10" fmla="*/ 6527511 h 6527511"/>
              <a:gd name="connsiteX11" fmla="*/ 0 w 4010185"/>
              <a:gd name="connsiteY11"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31941 w 4010185"/>
              <a:gd name="connsiteY3" fmla="*/ 1267402 h 6527511"/>
              <a:gd name="connsiteX4" fmla="*/ 2641600 w 4010185"/>
              <a:gd name="connsiteY4" fmla="*/ 2228561 h 6527511"/>
              <a:gd name="connsiteX5" fmla="*/ 2095499 w 4010185"/>
              <a:gd name="connsiteY5" fmla="*/ 3936711 h 6527511"/>
              <a:gd name="connsiteX6" fmla="*/ 1958108 w 4010185"/>
              <a:gd name="connsiteY6" fmla="*/ 4518602 h 6527511"/>
              <a:gd name="connsiteX7" fmla="*/ 1893454 w 4010185"/>
              <a:gd name="connsiteY7" fmla="*/ 5266748 h 6527511"/>
              <a:gd name="connsiteX8" fmla="*/ 1911927 w 4010185"/>
              <a:gd name="connsiteY8" fmla="*/ 5727411 h 6527511"/>
              <a:gd name="connsiteX9" fmla="*/ 1958108 w 4010185"/>
              <a:gd name="connsiteY9" fmla="*/ 6181147 h 6527511"/>
              <a:gd name="connsiteX10" fmla="*/ 2014537 w 4010185"/>
              <a:gd name="connsiteY10" fmla="*/ 6527511 h 6527511"/>
              <a:gd name="connsiteX11" fmla="*/ 0 w 4010185"/>
              <a:gd name="connsiteY11" fmla="*/ 6527511 h 6527511"/>
              <a:gd name="connsiteX12" fmla="*/ 0 w 4010185"/>
              <a:gd name="connsiteY12"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31941 w 4010185"/>
              <a:gd name="connsiteY3" fmla="*/ 1267402 h 6527511"/>
              <a:gd name="connsiteX4" fmla="*/ 2641600 w 4010185"/>
              <a:gd name="connsiteY4" fmla="*/ 2228561 h 6527511"/>
              <a:gd name="connsiteX5" fmla="*/ 2224808 w 4010185"/>
              <a:gd name="connsiteY5" fmla="*/ 3410238 h 6527511"/>
              <a:gd name="connsiteX6" fmla="*/ 1958108 w 4010185"/>
              <a:gd name="connsiteY6" fmla="*/ 4518602 h 6527511"/>
              <a:gd name="connsiteX7" fmla="*/ 1893454 w 4010185"/>
              <a:gd name="connsiteY7" fmla="*/ 5266748 h 6527511"/>
              <a:gd name="connsiteX8" fmla="*/ 1911927 w 4010185"/>
              <a:gd name="connsiteY8" fmla="*/ 5727411 h 6527511"/>
              <a:gd name="connsiteX9" fmla="*/ 1958108 w 4010185"/>
              <a:gd name="connsiteY9" fmla="*/ 6181147 h 6527511"/>
              <a:gd name="connsiteX10" fmla="*/ 2014537 w 4010185"/>
              <a:gd name="connsiteY10" fmla="*/ 6527511 h 6527511"/>
              <a:gd name="connsiteX11" fmla="*/ 0 w 4010185"/>
              <a:gd name="connsiteY11" fmla="*/ 6527511 h 6527511"/>
              <a:gd name="connsiteX12" fmla="*/ 0 w 4010185"/>
              <a:gd name="connsiteY12"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31941 w 4010185"/>
              <a:gd name="connsiteY3" fmla="*/ 1267402 h 6527511"/>
              <a:gd name="connsiteX4" fmla="*/ 2641600 w 4010185"/>
              <a:gd name="connsiteY4" fmla="*/ 2228561 h 6527511"/>
              <a:gd name="connsiteX5" fmla="*/ 2224808 w 4010185"/>
              <a:gd name="connsiteY5" fmla="*/ 3410238 h 6527511"/>
              <a:gd name="connsiteX6" fmla="*/ 1995869 w 4010185"/>
              <a:gd name="connsiteY6" fmla="*/ 4158384 h 6527511"/>
              <a:gd name="connsiteX7" fmla="*/ 1958108 w 4010185"/>
              <a:gd name="connsiteY7" fmla="*/ 4518602 h 6527511"/>
              <a:gd name="connsiteX8" fmla="*/ 1893454 w 4010185"/>
              <a:gd name="connsiteY8" fmla="*/ 5266748 h 6527511"/>
              <a:gd name="connsiteX9" fmla="*/ 1911927 w 4010185"/>
              <a:gd name="connsiteY9" fmla="*/ 5727411 h 6527511"/>
              <a:gd name="connsiteX10" fmla="*/ 1958108 w 4010185"/>
              <a:gd name="connsiteY10" fmla="*/ 6181147 h 6527511"/>
              <a:gd name="connsiteX11" fmla="*/ 2014537 w 4010185"/>
              <a:gd name="connsiteY11" fmla="*/ 6527511 h 6527511"/>
              <a:gd name="connsiteX12" fmla="*/ 0 w 4010185"/>
              <a:gd name="connsiteY12" fmla="*/ 6527511 h 6527511"/>
              <a:gd name="connsiteX13" fmla="*/ 0 w 4010185"/>
              <a:gd name="connsiteY13"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31941 w 4010185"/>
              <a:gd name="connsiteY3" fmla="*/ 1267402 h 6527511"/>
              <a:gd name="connsiteX4" fmla="*/ 2641600 w 4010185"/>
              <a:gd name="connsiteY4" fmla="*/ 2228561 h 6527511"/>
              <a:gd name="connsiteX5" fmla="*/ 2224808 w 4010185"/>
              <a:gd name="connsiteY5" fmla="*/ 3410238 h 6527511"/>
              <a:gd name="connsiteX6" fmla="*/ 1995869 w 4010185"/>
              <a:gd name="connsiteY6" fmla="*/ 4158384 h 6527511"/>
              <a:gd name="connsiteX7" fmla="*/ 1884217 w 4010185"/>
              <a:gd name="connsiteY7" fmla="*/ 4749511 h 6527511"/>
              <a:gd name="connsiteX8" fmla="*/ 1893454 w 4010185"/>
              <a:gd name="connsiteY8" fmla="*/ 5266748 h 6527511"/>
              <a:gd name="connsiteX9" fmla="*/ 1911927 w 4010185"/>
              <a:gd name="connsiteY9" fmla="*/ 5727411 h 6527511"/>
              <a:gd name="connsiteX10" fmla="*/ 1958108 w 4010185"/>
              <a:gd name="connsiteY10" fmla="*/ 6181147 h 6527511"/>
              <a:gd name="connsiteX11" fmla="*/ 2014537 w 4010185"/>
              <a:gd name="connsiteY11" fmla="*/ 6527511 h 6527511"/>
              <a:gd name="connsiteX12" fmla="*/ 0 w 4010185"/>
              <a:gd name="connsiteY12" fmla="*/ 6527511 h 6527511"/>
              <a:gd name="connsiteX13" fmla="*/ 0 w 4010185"/>
              <a:gd name="connsiteY13"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31941 w 4010185"/>
              <a:gd name="connsiteY3" fmla="*/ 1267402 h 6527511"/>
              <a:gd name="connsiteX4" fmla="*/ 2641600 w 4010185"/>
              <a:gd name="connsiteY4" fmla="*/ 2228561 h 6527511"/>
              <a:gd name="connsiteX5" fmla="*/ 2224808 w 4010185"/>
              <a:gd name="connsiteY5" fmla="*/ 3410238 h 6527511"/>
              <a:gd name="connsiteX6" fmla="*/ 1995869 w 4010185"/>
              <a:gd name="connsiteY6" fmla="*/ 4158384 h 6527511"/>
              <a:gd name="connsiteX7" fmla="*/ 1911927 w 4010185"/>
              <a:gd name="connsiteY7" fmla="*/ 4749511 h 6527511"/>
              <a:gd name="connsiteX8" fmla="*/ 1893454 w 4010185"/>
              <a:gd name="connsiteY8" fmla="*/ 5266748 h 6527511"/>
              <a:gd name="connsiteX9" fmla="*/ 1911927 w 4010185"/>
              <a:gd name="connsiteY9" fmla="*/ 5727411 h 6527511"/>
              <a:gd name="connsiteX10" fmla="*/ 1958108 w 4010185"/>
              <a:gd name="connsiteY10" fmla="*/ 6181147 h 6527511"/>
              <a:gd name="connsiteX11" fmla="*/ 2014537 w 4010185"/>
              <a:gd name="connsiteY11" fmla="*/ 6527511 h 6527511"/>
              <a:gd name="connsiteX12" fmla="*/ 0 w 4010185"/>
              <a:gd name="connsiteY12" fmla="*/ 6527511 h 6527511"/>
              <a:gd name="connsiteX13" fmla="*/ 0 w 4010185"/>
              <a:gd name="connsiteY13"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31941 w 4010185"/>
              <a:gd name="connsiteY3" fmla="*/ 1267402 h 6527511"/>
              <a:gd name="connsiteX4" fmla="*/ 2641600 w 4010185"/>
              <a:gd name="connsiteY4" fmla="*/ 2228561 h 6527511"/>
              <a:gd name="connsiteX5" fmla="*/ 2328378 w 4010185"/>
              <a:gd name="connsiteY5" fmla="*/ 2902238 h 6527511"/>
              <a:gd name="connsiteX6" fmla="*/ 2224808 w 4010185"/>
              <a:gd name="connsiteY6" fmla="*/ 3410238 h 6527511"/>
              <a:gd name="connsiteX7" fmla="*/ 1995869 w 4010185"/>
              <a:gd name="connsiteY7" fmla="*/ 4158384 h 6527511"/>
              <a:gd name="connsiteX8" fmla="*/ 1911927 w 4010185"/>
              <a:gd name="connsiteY8" fmla="*/ 4749511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31941 w 4010185"/>
              <a:gd name="connsiteY3" fmla="*/ 1267402 h 6527511"/>
              <a:gd name="connsiteX4" fmla="*/ 2641600 w 4010185"/>
              <a:gd name="connsiteY4" fmla="*/ 2228561 h 6527511"/>
              <a:gd name="connsiteX5" fmla="*/ 2328378 w 4010185"/>
              <a:gd name="connsiteY5" fmla="*/ 2902238 h 6527511"/>
              <a:gd name="connsiteX6" fmla="*/ 2104735 w 4010185"/>
              <a:gd name="connsiteY6" fmla="*/ 3567256 h 6527511"/>
              <a:gd name="connsiteX7" fmla="*/ 1995869 w 4010185"/>
              <a:gd name="connsiteY7" fmla="*/ 4158384 h 6527511"/>
              <a:gd name="connsiteX8" fmla="*/ 1911927 w 4010185"/>
              <a:gd name="connsiteY8" fmla="*/ 4749511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41600 w 4010185"/>
              <a:gd name="connsiteY4" fmla="*/ 2228561 h 6527511"/>
              <a:gd name="connsiteX5" fmla="*/ 2328378 w 4010185"/>
              <a:gd name="connsiteY5" fmla="*/ 2902238 h 6527511"/>
              <a:gd name="connsiteX6" fmla="*/ 2104735 w 4010185"/>
              <a:gd name="connsiteY6" fmla="*/ 3567256 h 6527511"/>
              <a:gd name="connsiteX7" fmla="*/ 1995869 w 4010185"/>
              <a:gd name="connsiteY7" fmla="*/ 4158384 h 6527511"/>
              <a:gd name="connsiteX8" fmla="*/ 1911927 w 4010185"/>
              <a:gd name="connsiteY8" fmla="*/ 4749511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328378 w 4010185"/>
              <a:gd name="connsiteY5" fmla="*/ 2902238 h 6527511"/>
              <a:gd name="connsiteX6" fmla="*/ 2104735 w 4010185"/>
              <a:gd name="connsiteY6" fmla="*/ 3567256 h 6527511"/>
              <a:gd name="connsiteX7" fmla="*/ 1995869 w 4010185"/>
              <a:gd name="connsiteY7" fmla="*/ 4158384 h 6527511"/>
              <a:gd name="connsiteX8" fmla="*/ 1911927 w 4010185"/>
              <a:gd name="connsiteY8" fmla="*/ 4749511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439214 w 4010185"/>
              <a:gd name="connsiteY5" fmla="*/ 2837583 h 6527511"/>
              <a:gd name="connsiteX6" fmla="*/ 2104735 w 4010185"/>
              <a:gd name="connsiteY6" fmla="*/ 3567256 h 6527511"/>
              <a:gd name="connsiteX7" fmla="*/ 1995869 w 4010185"/>
              <a:gd name="connsiteY7" fmla="*/ 4158384 h 6527511"/>
              <a:gd name="connsiteX8" fmla="*/ 1911927 w 4010185"/>
              <a:gd name="connsiteY8" fmla="*/ 4749511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439214 w 4010185"/>
              <a:gd name="connsiteY5" fmla="*/ 2837583 h 6527511"/>
              <a:gd name="connsiteX6" fmla="*/ 2206335 w 4010185"/>
              <a:gd name="connsiteY6" fmla="*/ 3659619 h 6527511"/>
              <a:gd name="connsiteX7" fmla="*/ 1995869 w 4010185"/>
              <a:gd name="connsiteY7" fmla="*/ 4158384 h 6527511"/>
              <a:gd name="connsiteX8" fmla="*/ 1911927 w 4010185"/>
              <a:gd name="connsiteY8" fmla="*/ 4749511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402268 w 4010185"/>
              <a:gd name="connsiteY5" fmla="*/ 2985365 h 6527511"/>
              <a:gd name="connsiteX6" fmla="*/ 2206335 w 4010185"/>
              <a:gd name="connsiteY6" fmla="*/ 3659619 h 6527511"/>
              <a:gd name="connsiteX7" fmla="*/ 1995869 w 4010185"/>
              <a:gd name="connsiteY7" fmla="*/ 4158384 h 6527511"/>
              <a:gd name="connsiteX8" fmla="*/ 1911927 w 4010185"/>
              <a:gd name="connsiteY8" fmla="*/ 4749511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402268 w 4010185"/>
              <a:gd name="connsiteY5" fmla="*/ 2985365 h 6527511"/>
              <a:gd name="connsiteX6" fmla="*/ 2206335 w 4010185"/>
              <a:gd name="connsiteY6" fmla="*/ 3659619 h 6527511"/>
              <a:gd name="connsiteX7" fmla="*/ 2060524 w 4010185"/>
              <a:gd name="connsiteY7" fmla="*/ 4287693 h 6527511"/>
              <a:gd name="connsiteX8" fmla="*/ 1911927 w 4010185"/>
              <a:gd name="connsiteY8" fmla="*/ 4749511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402268 w 4010185"/>
              <a:gd name="connsiteY5" fmla="*/ 2985365 h 6527511"/>
              <a:gd name="connsiteX6" fmla="*/ 2197098 w 4010185"/>
              <a:gd name="connsiteY6" fmla="*/ 3715037 h 6527511"/>
              <a:gd name="connsiteX7" fmla="*/ 2060524 w 4010185"/>
              <a:gd name="connsiteY7" fmla="*/ 4287693 h 6527511"/>
              <a:gd name="connsiteX8" fmla="*/ 1911927 w 4010185"/>
              <a:gd name="connsiteY8" fmla="*/ 4749511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402268 w 4010185"/>
              <a:gd name="connsiteY5" fmla="*/ 2985365 h 6527511"/>
              <a:gd name="connsiteX6" fmla="*/ 2197098 w 4010185"/>
              <a:gd name="connsiteY6" fmla="*/ 3715037 h 6527511"/>
              <a:gd name="connsiteX7" fmla="*/ 2060524 w 4010185"/>
              <a:gd name="connsiteY7" fmla="*/ 4287693 h 6527511"/>
              <a:gd name="connsiteX8" fmla="*/ 1958109 w 4010185"/>
              <a:gd name="connsiteY8" fmla="*/ 4888057 h 6527511"/>
              <a:gd name="connsiteX9" fmla="*/ 1893454 w 4010185"/>
              <a:gd name="connsiteY9" fmla="*/ 5266748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402268 w 4010185"/>
              <a:gd name="connsiteY5" fmla="*/ 2985365 h 6527511"/>
              <a:gd name="connsiteX6" fmla="*/ 2197098 w 4010185"/>
              <a:gd name="connsiteY6" fmla="*/ 3715037 h 6527511"/>
              <a:gd name="connsiteX7" fmla="*/ 2060524 w 4010185"/>
              <a:gd name="connsiteY7" fmla="*/ 4287693 h 6527511"/>
              <a:gd name="connsiteX8" fmla="*/ 1958109 w 4010185"/>
              <a:gd name="connsiteY8" fmla="*/ 4888057 h 6527511"/>
              <a:gd name="connsiteX9" fmla="*/ 1930399 w 4010185"/>
              <a:gd name="connsiteY9" fmla="*/ 5349875 h 6527511"/>
              <a:gd name="connsiteX10" fmla="*/ 1911927 w 4010185"/>
              <a:gd name="connsiteY10" fmla="*/ 5727411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402268 w 4010185"/>
              <a:gd name="connsiteY5" fmla="*/ 2985365 h 6527511"/>
              <a:gd name="connsiteX6" fmla="*/ 2197098 w 4010185"/>
              <a:gd name="connsiteY6" fmla="*/ 3715037 h 6527511"/>
              <a:gd name="connsiteX7" fmla="*/ 2060524 w 4010185"/>
              <a:gd name="connsiteY7" fmla="*/ 4287693 h 6527511"/>
              <a:gd name="connsiteX8" fmla="*/ 1958109 w 4010185"/>
              <a:gd name="connsiteY8" fmla="*/ 4888057 h 6527511"/>
              <a:gd name="connsiteX9" fmla="*/ 1930399 w 4010185"/>
              <a:gd name="connsiteY9" fmla="*/ 5349875 h 6527511"/>
              <a:gd name="connsiteX10" fmla="*/ 1958108 w 4010185"/>
              <a:gd name="connsiteY10" fmla="*/ 5782829 h 6527511"/>
              <a:gd name="connsiteX11" fmla="*/ 1958108 w 4010185"/>
              <a:gd name="connsiteY11" fmla="*/ 6181147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27511"/>
              <a:gd name="connsiteX1" fmla="*/ 4010185 w 4010185"/>
              <a:gd name="connsiteY1" fmla="*/ 0 h 6527511"/>
              <a:gd name="connsiteX2" fmla="*/ 3626283 w 4010185"/>
              <a:gd name="connsiteY2" fmla="*/ 522991 h 6527511"/>
              <a:gd name="connsiteX3" fmla="*/ 3178123 w 4010185"/>
              <a:gd name="connsiteY3" fmla="*/ 1267402 h 6527511"/>
              <a:gd name="connsiteX4" fmla="*/ 2678545 w 4010185"/>
              <a:gd name="connsiteY4" fmla="*/ 2256271 h 6527511"/>
              <a:gd name="connsiteX5" fmla="*/ 2402268 w 4010185"/>
              <a:gd name="connsiteY5" fmla="*/ 2985365 h 6527511"/>
              <a:gd name="connsiteX6" fmla="*/ 2197098 w 4010185"/>
              <a:gd name="connsiteY6" fmla="*/ 3715037 h 6527511"/>
              <a:gd name="connsiteX7" fmla="*/ 2060524 w 4010185"/>
              <a:gd name="connsiteY7" fmla="*/ 4287693 h 6527511"/>
              <a:gd name="connsiteX8" fmla="*/ 1958109 w 4010185"/>
              <a:gd name="connsiteY8" fmla="*/ 4888057 h 6527511"/>
              <a:gd name="connsiteX9" fmla="*/ 1930399 w 4010185"/>
              <a:gd name="connsiteY9" fmla="*/ 5349875 h 6527511"/>
              <a:gd name="connsiteX10" fmla="*/ 1958108 w 4010185"/>
              <a:gd name="connsiteY10" fmla="*/ 5782829 h 6527511"/>
              <a:gd name="connsiteX11" fmla="*/ 2004289 w 4010185"/>
              <a:gd name="connsiteY11" fmla="*/ 6245802 h 6527511"/>
              <a:gd name="connsiteX12" fmla="*/ 2014537 w 4010185"/>
              <a:gd name="connsiteY12" fmla="*/ 6527511 h 6527511"/>
              <a:gd name="connsiteX13" fmla="*/ 0 w 4010185"/>
              <a:gd name="connsiteY13" fmla="*/ 6527511 h 6527511"/>
              <a:gd name="connsiteX14" fmla="*/ 0 w 4010185"/>
              <a:gd name="connsiteY14" fmla="*/ 2886 h 6527511"/>
              <a:gd name="connsiteX0" fmla="*/ 0 w 4010185"/>
              <a:gd name="connsiteY0" fmla="*/ 2886 h 6536747"/>
              <a:gd name="connsiteX1" fmla="*/ 4010185 w 4010185"/>
              <a:gd name="connsiteY1" fmla="*/ 0 h 6536747"/>
              <a:gd name="connsiteX2" fmla="*/ 3626283 w 4010185"/>
              <a:gd name="connsiteY2" fmla="*/ 522991 h 6536747"/>
              <a:gd name="connsiteX3" fmla="*/ 3178123 w 4010185"/>
              <a:gd name="connsiteY3" fmla="*/ 1267402 h 6536747"/>
              <a:gd name="connsiteX4" fmla="*/ 2678545 w 4010185"/>
              <a:gd name="connsiteY4" fmla="*/ 2256271 h 6536747"/>
              <a:gd name="connsiteX5" fmla="*/ 2402268 w 4010185"/>
              <a:gd name="connsiteY5" fmla="*/ 2985365 h 6536747"/>
              <a:gd name="connsiteX6" fmla="*/ 2197098 w 4010185"/>
              <a:gd name="connsiteY6" fmla="*/ 3715037 h 6536747"/>
              <a:gd name="connsiteX7" fmla="*/ 2060524 w 4010185"/>
              <a:gd name="connsiteY7" fmla="*/ 4287693 h 6536747"/>
              <a:gd name="connsiteX8" fmla="*/ 1958109 w 4010185"/>
              <a:gd name="connsiteY8" fmla="*/ 4888057 h 6536747"/>
              <a:gd name="connsiteX9" fmla="*/ 1930399 w 4010185"/>
              <a:gd name="connsiteY9" fmla="*/ 5349875 h 6536747"/>
              <a:gd name="connsiteX10" fmla="*/ 1958108 w 4010185"/>
              <a:gd name="connsiteY10" fmla="*/ 5782829 h 6536747"/>
              <a:gd name="connsiteX11" fmla="*/ 2004289 w 4010185"/>
              <a:gd name="connsiteY11" fmla="*/ 6245802 h 6536747"/>
              <a:gd name="connsiteX12" fmla="*/ 2143846 w 4010185"/>
              <a:gd name="connsiteY12" fmla="*/ 6536747 h 6536747"/>
              <a:gd name="connsiteX13" fmla="*/ 0 w 4010185"/>
              <a:gd name="connsiteY13" fmla="*/ 6527511 h 6536747"/>
              <a:gd name="connsiteX14" fmla="*/ 0 w 4010185"/>
              <a:gd name="connsiteY14" fmla="*/ 2886 h 6536747"/>
              <a:gd name="connsiteX0" fmla="*/ 0 w 4010185"/>
              <a:gd name="connsiteY0" fmla="*/ 2886 h 6536747"/>
              <a:gd name="connsiteX1" fmla="*/ 4010185 w 4010185"/>
              <a:gd name="connsiteY1" fmla="*/ 0 h 6536747"/>
              <a:gd name="connsiteX2" fmla="*/ 3626283 w 4010185"/>
              <a:gd name="connsiteY2" fmla="*/ 522991 h 6536747"/>
              <a:gd name="connsiteX3" fmla="*/ 3178123 w 4010185"/>
              <a:gd name="connsiteY3" fmla="*/ 1267402 h 6536747"/>
              <a:gd name="connsiteX4" fmla="*/ 2678545 w 4010185"/>
              <a:gd name="connsiteY4" fmla="*/ 2256271 h 6536747"/>
              <a:gd name="connsiteX5" fmla="*/ 2402268 w 4010185"/>
              <a:gd name="connsiteY5" fmla="*/ 2985365 h 6536747"/>
              <a:gd name="connsiteX6" fmla="*/ 2197098 w 4010185"/>
              <a:gd name="connsiteY6" fmla="*/ 3715037 h 6536747"/>
              <a:gd name="connsiteX7" fmla="*/ 2060524 w 4010185"/>
              <a:gd name="connsiteY7" fmla="*/ 4287693 h 6536747"/>
              <a:gd name="connsiteX8" fmla="*/ 1958109 w 4010185"/>
              <a:gd name="connsiteY8" fmla="*/ 4888057 h 6536747"/>
              <a:gd name="connsiteX9" fmla="*/ 1930399 w 4010185"/>
              <a:gd name="connsiteY9" fmla="*/ 5349875 h 6536747"/>
              <a:gd name="connsiteX10" fmla="*/ 1958108 w 4010185"/>
              <a:gd name="connsiteY10" fmla="*/ 5782829 h 6536747"/>
              <a:gd name="connsiteX11" fmla="*/ 1976580 w 4010185"/>
              <a:gd name="connsiteY11" fmla="*/ 6153439 h 6536747"/>
              <a:gd name="connsiteX12" fmla="*/ 2143846 w 4010185"/>
              <a:gd name="connsiteY12" fmla="*/ 6536747 h 6536747"/>
              <a:gd name="connsiteX13" fmla="*/ 0 w 4010185"/>
              <a:gd name="connsiteY13" fmla="*/ 6527511 h 6536747"/>
              <a:gd name="connsiteX14" fmla="*/ 0 w 4010185"/>
              <a:gd name="connsiteY14" fmla="*/ 2886 h 6536747"/>
              <a:gd name="connsiteX0" fmla="*/ 0 w 4010185"/>
              <a:gd name="connsiteY0" fmla="*/ 2886 h 6536747"/>
              <a:gd name="connsiteX1" fmla="*/ 4010185 w 4010185"/>
              <a:gd name="connsiteY1" fmla="*/ 0 h 6536747"/>
              <a:gd name="connsiteX2" fmla="*/ 3626283 w 4010185"/>
              <a:gd name="connsiteY2" fmla="*/ 522991 h 6536747"/>
              <a:gd name="connsiteX3" fmla="*/ 3178123 w 4010185"/>
              <a:gd name="connsiteY3" fmla="*/ 1267402 h 6536747"/>
              <a:gd name="connsiteX4" fmla="*/ 2678545 w 4010185"/>
              <a:gd name="connsiteY4" fmla="*/ 2256271 h 6536747"/>
              <a:gd name="connsiteX5" fmla="*/ 2402268 w 4010185"/>
              <a:gd name="connsiteY5" fmla="*/ 2985365 h 6536747"/>
              <a:gd name="connsiteX6" fmla="*/ 2197098 w 4010185"/>
              <a:gd name="connsiteY6" fmla="*/ 3715037 h 6536747"/>
              <a:gd name="connsiteX7" fmla="*/ 2060524 w 4010185"/>
              <a:gd name="connsiteY7" fmla="*/ 4287693 h 6536747"/>
              <a:gd name="connsiteX8" fmla="*/ 1958109 w 4010185"/>
              <a:gd name="connsiteY8" fmla="*/ 4888057 h 6536747"/>
              <a:gd name="connsiteX9" fmla="*/ 1930399 w 4010185"/>
              <a:gd name="connsiteY9" fmla="*/ 5349875 h 6536747"/>
              <a:gd name="connsiteX10" fmla="*/ 1958108 w 4010185"/>
              <a:gd name="connsiteY10" fmla="*/ 5782829 h 6536747"/>
              <a:gd name="connsiteX11" fmla="*/ 2004289 w 4010185"/>
              <a:gd name="connsiteY11" fmla="*/ 6153439 h 6536747"/>
              <a:gd name="connsiteX12" fmla="*/ 2143846 w 4010185"/>
              <a:gd name="connsiteY12" fmla="*/ 6536747 h 6536747"/>
              <a:gd name="connsiteX13" fmla="*/ 0 w 4010185"/>
              <a:gd name="connsiteY13" fmla="*/ 6527511 h 6536747"/>
              <a:gd name="connsiteX14" fmla="*/ 0 w 4010185"/>
              <a:gd name="connsiteY14" fmla="*/ 2886 h 6536747"/>
              <a:gd name="connsiteX0" fmla="*/ 0 w 4010185"/>
              <a:gd name="connsiteY0" fmla="*/ 2886 h 6536747"/>
              <a:gd name="connsiteX1" fmla="*/ 4010185 w 4010185"/>
              <a:gd name="connsiteY1" fmla="*/ 0 h 6536747"/>
              <a:gd name="connsiteX2" fmla="*/ 3626283 w 4010185"/>
              <a:gd name="connsiteY2" fmla="*/ 522991 h 6536747"/>
              <a:gd name="connsiteX3" fmla="*/ 3178123 w 4010185"/>
              <a:gd name="connsiteY3" fmla="*/ 1267402 h 6536747"/>
              <a:gd name="connsiteX4" fmla="*/ 2678545 w 4010185"/>
              <a:gd name="connsiteY4" fmla="*/ 2256271 h 6536747"/>
              <a:gd name="connsiteX5" fmla="*/ 2402268 w 4010185"/>
              <a:gd name="connsiteY5" fmla="*/ 2985365 h 6536747"/>
              <a:gd name="connsiteX6" fmla="*/ 2197098 w 4010185"/>
              <a:gd name="connsiteY6" fmla="*/ 3715037 h 6536747"/>
              <a:gd name="connsiteX7" fmla="*/ 2060524 w 4010185"/>
              <a:gd name="connsiteY7" fmla="*/ 4287693 h 6536747"/>
              <a:gd name="connsiteX8" fmla="*/ 1958109 w 4010185"/>
              <a:gd name="connsiteY8" fmla="*/ 4888057 h 6536747"/>
              <a:gd name="connsiteX9" fmla="*/ 1930399 w 4010185"/>
              <a:gd name="connsiteY9" fmla="*/ 5349875 h 6536747"/>
              <a:gd name="connsiteX10" fmla="*/ 1958108 w 4010185"/>
              <a:gd name="connsiteY10" fmla="*/ 5782829 h 6536747"/>
              <a:gd name="connsiteX11" fmla="*/ 2004289 w 4010185"/>
              <a:gd name="connsiteY11" fmla="*/ 6153439 h 6536747"/>
              <a:gd name="connsiteX12" fmla="*/ 2143846 w 4010185"/>
              <a:gd name="connsiteY12" fmla="*/ 6536747 h 6536747"/>
              <a:gd name="connsiteX13" fmla="*/ 0 w 4010185"/>
              <a:gd name="connsiteY13" fmla="*/ 6527511 h 6536747"/>
              <a:gd name="connsiteX14" fmla="*/ 0 w 4010185"/>
              <a:gd name="connsiteY14" fmla="*/ 2886 h 6536747"/>
              <a:gd name="connsiteX0" fmla="*/ 0 w 4010185"/>
              <a:gd name="connsiteY0" fmla="*/ 2886 h 6536747"/>
              <a:gd name="connsiteX1" fmla="*/ 4010185 w 4010185"/>
              <a:gd name="connsiteY1" fmla="*/ 0 h 6536747"/>
              <a:gd name="connsiteX2" fmla="*/ 3178123 w 4010185"/>
              <a:gd name="connsiteY2" fmla="*/ 1267402 h 6536747"/>
              <a:gd name="connsiteX3" fmla="*/ 2678545 w 4010185"/>
              <a:gd name="connsiteY3" fmla="*/ 2256271 h 6536747"/>
              <a:gd name="connsiteX4" fmla="*/ 2402268 w 4010185"/>
              <a:gd name="connsiteY4" fmla="*/ 2985365 h 6536747"/>
              <a:gd name="connsiteX5" fmla="*/ 2197098 w 4010185"/>
              <a:gd name="connsiteY5" fmla="*/ 3715037 h 6536747"/>
              <a:gd name="connsiteX6" fmla="*/ 2060524 w 4010185"/>
              <a:gd name="connsiteY6" fmla="*/ 4287693 h 6536747"/>
              <a:gd name="connsiteX7" fmla="*/ 1958109 w 4010185"/>
              <a:gd name="connsiteY7" fmla="*/ 4888057 h 6536747"/>
              <a:gd name="connsiteX8" fmla="*/ 1930399 w 4010185"/>
              <a:gd name="connsiteY8" fmla="*/ 5349875 h 6536747"/>
              <a:gd name="connsiteX9" fmla="*/ 1958108 w 4010185"/>
              <a:gd name="connsiteY9" fmla="*/ 5782829 h 6536747"/>
              <a:gd name="connsiteX10" fmla="*/ 2004289 w 4010185"/>
              <a:gd name="connsiteY10" fmla="*/ 6153439 h 6536747"/>
              <a:gd name="connsiteX11" fmla="*/ 2143846 w 4010185"/>
              <a:gd name="connsiteY11" fmla="*/ 6536747 h 6536747"/>
              <a:gd name="connsiteX12" fmla="*/ 0 w 4010185"/>
              <a:gd name="connsiteY12" fmla="*/ 6527511 h 6536747"/>
              <a:gd name="connsiteX13" fmla="*/ 0 w 4010185"/>
              <a:gd name="connsiteY13" fmla="*/ 2886 h 6536747"/>
              <a:gd name="connsiteX0" fmla="*/ 0 w 4010185"/>
              <a:gd name="connsiteY0" fmla="*/ 2886 h 6536747"/>
              <a:gd name="connsiteX1" fmla="*/ 4010185 w 4010185"/>
              <a:gd name="connsiteY1" fmla="*/ 0 h 6536747"/>
              <a:gd name="connsiteX2" fmla="*/ 2678545 w 4010185"/>
              <a:gd name="connsiteY2" fmla="*/ 2256271 h 6536747"/>
              <a:gd name="connsiteX3" fmla="*/ 2402268 w 4010185"/>
              <a:gd name="connsiteY3" fmla="*/ 2985365 h 6536747"/>
              <a:gd name="connsiteX4" fmla="*/ 2197098 w 4010185"/>
              <a:gd name="connsiteY4" fmla="*/ 3715037 h 6536747"/>
              <a:gd name="connsiteX5" fmla="*/ 2060524 w 4010185"/>
              <a:gd name="connsiteY5" fmla="*/ 4287693 h 6536747"/>
              <a:gd name="connsiteX6" fmla="*/ 1958109 w 4010185"/>
              <a:gd name="connsiteY6" fmla="*/ 4888057 h 6536747"/>
              <a:gd name="connsiteX7" fmla="*/ 1930399 w 4010185"/>
              <a:gd name="connsiteY7" fmla="*/ 5349875 h 6536747"/>
              <a:gd name="connsiteX8" fmla="*/ 1958108 w 4010185"/>
              <a:gd name="connsiteY8" fmla="*/ 5782829 h 6536747"/>
              <a:gd name="connsiteX9" fmla="*/ 2004289 w 4010185"/>
              <a:gd name="connsiteY9" fmla="*/ 6153439 h 6536747"/>
              <a:gd name="connsiteX10" fmla="*/ 2143846 w 4010185"/>
              <a:gd name="connsiteY10" fmla="*/ 6536747 h 6536747"/>
              <a:gd name="connsiteX11" fmla="*/ 0 w 4010185"/>
              <a:gd name="connsiteY11" fmla="*/ 6527511 h 6536747"/>
              <a:gd name="connsiteX12" fmla="*/ 0 w 4010185"/>
              <a:gd name="connsiteY12" fmla="*/ 2886 h 6536747"/>
              <a:gd name="connsiteX0" fmla="*/ 0 w 4010185"/>
              <a:gd name="connsiteY0" fmla="*/ 2886 h 6536747"/>
              <a:gd name="connsiteX1" fmla="*/ 4010185 w 4010185"/>
              <a:gd name="connsiteY1" fmla="*/ 0 h 6536747"/>
              <a:gd name="connsiteX2" fmla="*/ 2402268 w 4010185"/>
              <a:gd name="connsiteY2" fmla="*/ 2985365 h 6536747"/>
              <a:gd name="connsiteX3" fmla="*/ 2197098 w 4010185"/>
              <a:gd name="connsiteY3" fmla="*/ 3715037 h 6536747"/>
              <a:gd name="connsiteX4" fmla="*/ 2060524 w 4010185"/>
              <a:gd name="connsiteY4" fmla="*/ 4287693 h 6536747"/>
              <a:gd name="connsiteX5" fmla="*/ 1958109 w 4010185"/>
              <a:gd name="connsiteY5" fmla="*/ 4888057 h 6536747"/>
              <a:gd name="connsiteX6" fmla="*/ 1930399 w 4010185"/>
              <a:gd name="connsiteY6" fmla="*/ 5349875 h 6536747"/>
              <a:gd name="connsiteX7" fmla="*/ 1958108 w 4010185"/>
              <a:gd name="connsiteY7" fmla="*/ 5782829 h 6536747"/>
              <a:gd name="connsiteX8" fmla="*/ 2004289 w 4010185"/>
              <a:gd name="connsiteY8" fmla="*/ 6153439 h 6536747"/>
              <a:gd name="connsiteX9" fmla="*/ 2143846 w 4010185"/>
              <a:gd name="connsiteY9" fmla="*/ 6536747 h 6536747"/>
              <a:gd name="connsiteX10" fmla="*/ 0 w 4010185"/>
              <a:gd name="connsiteY10" fmla="*/ 6527511 h 6536747"/>
              <a:gd name="connsiteX11" fmla="*/ 0 w 4010185"/>
              <a:gd name="connsiteY11" fmla="*/ 2886 h 6536747"/>
              <a:gd name="connsiteX0" fmla="*/ 0 w 4010185"/>
              <a:gd name="connsiteY0" fmla="*/ 2886 h 6536747"/>
              <a:gd name="connsiteX1" fmla="*/ 4010185 w 4010185"/>
              <a:gd name="connsiteY1" fmla="*/ 0 h 6536747"/>
              <a:gd name="connsiteX2" fmla="*/ 2197098 w 4010185"/>
              <a:gd name="connsiteY2" fmla="*/ 3715037 h 6536747"/>
              <a:gd name="connsiteX3" fmla="*/ 2060524 w 4010185"/>
              <a:gd name="connsiteY3" fmla="*/ 4287693 h 6536747"/>
              <a:gd name="connsiteX4" fmla="*/ 1958109 w 4010185"/>
              <a:gd name="connsiteY4" fmla="*/ 4888057 h 6536747"/>
              <a:gd name="connsiteX5" fmla="*/ 1930399 w 4010185"/>
              <a:gd name="connsiteY5" fmla="*/ 5349875 h 6536747"/>
              <a:gd name="connsiteX6" fmla="*/ 1958108 w 4010185"/>
              <a:gd name="connsiteY6" fmla="*/ 5782829 h 6536747"/>
              <a:gd name="connsiteX7" fmla="*/ 2004289 w 4010185"/>
              <a:gd name="connsiteY7" fmla="*/ 6153439 h 6536747"/>
              <a:gd name="connsiteX8" fmla="*/ 2143846 w 4010185"/>
              <a:gd name="connsiteY8" fmla="*/ 6536747 h 6536747"/>
              <a:gd name="connsiteX9" fmla="*/ 0 w 4010185"/>
              <a:gd name="connsiteY9" fmla="*/ 6527511 h 6536747"/>
              <a:gd name="connsiteX10" fmla="*/ 0 w 4010185"/>
              <a:gd name="connsiteY10" fmla="*/ 2886 h 6536747"/>
              <a:gd name="connsiteX0" fmla="*/ 0 w 4010185"/>
              <a:gd name="connsiteY0" fmla="*/ 2886 h 6536747"/>
              <a:gd name="connsiteX1" fmla="*/ 4010185 w 4010185"/>
              <a:gd name="connsiteY1" fmla="*/ 0 h 6536747"/>
              <a:gd name="connsiteX2" fmla="*/ 2197098 w 4010185"/>
              <a:gd name="connsiteY2" fmla="*/ 3715037 h 6536747"/>
              <a:gd name="connsiteX3" fmla="*/ 2060524 w 4010185"/>
              <a:gd name="connsiteY3" fmla="*/ 4287693 h 6536747"/>
              <a:gd name="connsiteX4" fmla="*/ 1958109 w 4010185"/>
              <a:gd name="connsiteY4" fmla="*/ 4888057 h 6536747"/>
              <a:gd name="connsiteX5" fmla="*/ 1930399 w 4010185"/>
              <a:gd name="connsiteY5" fmla="*/ 5349875 h 6536747"/>
              <a:gd name="connsiteX6" fmla="*/ 1958108 w 4010185"/>
              <a:gd name="connsiteY6" fmla="*/ 5782829 h 6536747"/>
              <a:gd name="connsiteX7" fmla="*/ 2004289 w 4010185"/>
              <a:gd name="connsiteY7" fmla="*/ 6153439 h 6536747"/>
              <a:gd name="connsiteX8" fmla="*/ 2143846 w 4010185"/>
              <a:gd name="connsiteY8" fmla="*/ 6536747 h 6536747"/>
              <a:gd name="connsiteX9" fmla="*/ 0 w 4010185"/>
              <a:gd name="connsiteY9" fmla="*/ 6527511 h 6536747"/>
              <a:gd name="connsiteX10" fmla="*/ 0 w 4010185"/>
              <a:gd name="connsiteY10" fmla="*/ 2886 h 6536747"/>
              <a:gd name="connsiteX0" fmla="*/ 0 w 4050551"/>
              <a:gd name="connsiteY0" fmla="*/ 2886 h 6536747"/>
              <a:gd name="connsiteX1" fmla="*/ 4010185 w 4050551"/>
              <a:gd name="connsiteY1" fmla="*/ 0 h 6536747"/>
              <a:gd name="connsiteX2" fmla="*/ 2060524 w 4050551"/>
              <a:gd name="connsiteY2" fmla="*/ 4287693 h 6536747"/>
              <a:gd name="connsiteX3" fmla="*/ 1958109 w 4050551"/>
              <a:gd name="connsiteY3" fmla="*/ 4888057 h 6536747"/>
              <a:gd name="connsiteX4" fmla="*/ 1930399 w 4050551"/>
              <a:gd name="connsiteY4" fmla="*/ 5349875 h 6536747"/>
              <a:gd name="connsiteX5" fmla="*/ 1958108 w 4050551"/>
              <a:gd name="connsiteY5" fmla="*/ 5782829 h 6536747"/>
              <a:gd name="connsiteX6" fmla="*/ 2004289 w 4050551"/>
              <a:gd name="connsiteY6" fmla="*/ 6153439 h 6536747"/>
              <a:gd name="connsiteX7" fmla="*/ 2143846 w 4050551"/>
              <a:gd name="connsiteY7" fmla="*/ 6536747 h 6536747"/>
              <a:gd name="connsiteX8" fmla="*/ 0 w 4050551"/>
              <a:gd name="connsiteY8" fmla="*/ 6527511 h 6536747"/>
              <a:gd name="connsiteX9" fmla="*/ 0 w 4050551"/>
              <a:gd name="connsiteY9" fmla="*/ 2886 h 6536747"/>
              <a:gd name="connsiteX0" fmla="*/ 0 w 4045533"/>
              <a:gd name="connsiteY0" fmla="*/ 2886 h 6536747"/>
              <a:gd name="connsiteX1" fmla="*/ 4010185 w 4045533"/>
              <a:gd name="connsiteY1" fmla="*/ 0 h 6536747"/>
              <a:gd name="connsiteX2" fmla="*/ 1958109 w 4045533"/>
              <a:gd name="connsiteY2" fmla="*/ 4888057 h 6536747"/>
              <a:gd name="connsiteX3" fmla="*/ 1930399 w 4045533"/>
              <a:gd name="connsiteY3" fmla="*/ 5349875 h 6536747"/>
              <a:gd name="connsiteX4" fmla="*/ 1958108 w 4045533"/>
              <a:gd name="connsiteY4" fmla="*/ 5782829 h 6536747"/>
              <a:gd name="connsiteX5" fmla="*/ 2004289 w 4045533"/>
              <a:gd name="connsiteY5" fmla="*/ 6153439 h 6536747"/>
              <a:gd name="connsiteX6" fmla="*/ 2143846 w 4045533"/>
              <a:gd name="connsiteY6" fmla="*/ 6536747 h 6536747"/>
              <a:gd name="connsiteX7" fmla="*/ 0 w 4045533"/>
              <a:gd name="connsiteY7" fmla="*/ 6527511 h 6536747"/>
              <a:gd name="connsiteX8" fmla="*/ 0 w 4045533"/>
              <a:gd name="connsiteY8" fmla="*/ 2886 h 6536747"/>
              <a:gd name="connsiteX0" fmla="*/ 0 w 4044176"/>
              <a:gd name="connsiteY0" fmla="*/ 2886 h 6536747"/>
              <a:gd name="connsiteX1" fmla="*/ 4010185 w 4044176"/>
              <a:gd name="connsiteY1" fmla="*/ 0 h 6536747"/>
              <a:gd name="connsiteX2" fmla="*/ 1930399 w 4044176"/>
              <a:gd name="connsiteY2" fmla="*/ 5349875 h 6536747"/>
              <a:gd name="connsiteX3" fmla="*/ 1958108 w 4044176"/>
              <a:gd name="connsiteY3" fmla="*/ 5782829 h 6536747"/>
              <a:gd name="connsiteX4" fmla="*/ 2004289 w 4044176"/>
              <a:gd name="connsiteY4" fmla="*/ 6153439 h 6536747"/>
              <a:gd name="connsiteX5" fmla="*/ 2143846 w 4044176"/>
              <a:gd name="connsiteY5" fmla="*/ 6536747 h 6536747"/>
              <a:gd name="connsiteX6" fmla="*/ 0 w 4044176"/>
              <a:gd name="connsiteY6" fmla="*/ 6527511 h 6536747"/>
              <a:gd name="connsiteX7" fmla="*/ 0 w 4044176"/>
              <a:gd name="connsiteY7" fmla="*/ 2886 h 6536747"/>
              <a:gd name="connsiteX0" fmla="*/ 0 w 4045348"/>
              <a:gd name="connsiteY0" fmla="*/ 2886 h 6536747"/>
              <a:gd name="connsiteX1" fmla="*/ 4010185 w 4045348"/>
              <a:gd name="connsiteY1" fmla="*/ 0 h 6536747"/>
              <a:gd name="connsiteX2" fmla="*/ 1958108 w 4045348"/>
              <a:gd name="connsiteY2" fmla="*/ 5782829 h 6536747"/>
              <a:gd name="connsiteX3" fmla="*/ 2004289 w 4045348"/>
              <a:gd name="connsiteY3" fmla="*/ 6153439 h 6536747"/>
              <a:gd name="connsiteX4" fmla="*/ 2143846 w 4045348"/>
              <a:gd name="connsiteY4" fmla="*/ 6536747 h 6536747"/>
              <a:gd name="connsiteX5" fmla="*/ 0 w 4045348"/>
              <a:gd name="connsiteY5" fmla="*/ 6527511 h 6536747"/>
              <a:gd name="connsiteX6" fmla="*/ 0 w 4045348"/>
              <a:gd name="connsiteY6" fmla="*/ 2886 h 6536747"/>
              <a:gd name="connsiteX0" fmla="*/ 0 w 4047195"/>
              <a:gd name="connsiteY0" fmla="*/ 2886 h 6536747"/>
              <a:gd name="connsiteX1" fmla="*/ 4010185 w 4047195"/>
              <a:gd name="connsiteY1" fmla="*/ 0 h 6536747"/>
              <a:gd name="connsiteX2" fmla="*/ 2004289 w 4047195"/>
              <a:gd name="connsiteY2" fmla="*/ 6153439 h 6536747"/>
              <a:gd name="connsiteX3" fmla="*/ 2143846 w 4047195"/>
              <a:gd name="connsiteY3" fmla="*/ 6536747 h 6536747"/>
              <a:gd name="connsiteX4" fmla="*/ 0 w 4047195"/>
              <a:gd name="connsiteY4" fmla="*/ 6527511 h 6536747"/>
              <a:gd name="connsiteX5" fmla="*/ 0 w 4047195"/>
              <a:gd name="connsiteY5" fmla="*/ 2886 h 6536747"/>
              <a:gd name="connsiteX0" fmla="*/ 0 w 4062802"/>
              <a:gd name="connsiteY0" fmla="*/ 2886 h 6536747"/>
              <a:gd name="connsiteX1" fmla="*/ 4010185 w 4062802"/>
              <a:gd name="connsiteY1" fmla="*/ 0 h 6536747"/>
              <a:gd name="connsiteX2" fmla="*/ 2143846 w 4062802"/>
              <a:gd name="connsiteY2" fmla="*/ 6536747 h 6536747"/>
              <a:gd name="connsiteX3" fmla="*/ 0 w 4062802"/>
              <a:gd name="connsiteY3" fmla="*/ 6527511 h 6536747"/>
              <a:gd name="connsiteX4" fmla="*/ 0 w 4062802"/>
              <a:gd name="connsiteY4" fmla="*/ 2886 h 6536747"/>
              <a:gd name="connsiteX0" fmla="*/ 0 w 4065215"/>
              <a:gd name="connsiteY0" fmla="*/ 2886 h 6527511"/>
              <a:gd name="connsiteX1" fmla="*/ 4010185 w 4065215"/>
              <a:gd name="connsiteY1" fmla="*/ 0 h 6527511"/>
              <a:gd name="connsiteX2" fmla="*/ 2224962 w 4065215"/>
              <a:gd name="connsiteY2" fmla="*/ 6526915 h 6527511"/>
              <a:gd name="connsiteX3" fmla="*/ 0 w 4065215"/>
              <a:gd name="connsiteY3" fmla="*/ 6527511 h 6527511"/>
              <a:gd name="connsiteX4" fmla="*/ 0 w 4065215"/>
              <a:gd name="connsiteY4" fmla="*/ 2886 h 6527511"/>
              <a:gd name="connsiteX0" fmla="*/ 0 w 4041051"/>
              <a:gd name="connsiteY0" fmla="*/ 2886 h 6527511"/>
              <a:gd name="connsiteX1" fmla="*/ 4010185 w 4041051"/>
              <a:gd name="connsiteY1" fmla="*/ 0 h 6527511"/>
              <a:gd name="connsiteX2" fmla="*/ 2224962 w 4041051"/>
              <a:gd name="connsiteY2" fmla="*/ 6526915 h 6527511"/>
              <a:gd name="connsiteX3" fmla="*/ 0 w 4041051"/>
              <a:gd name="connsiteY3" fmla="*/ 6527511 h 6527511"/>
              <a:gd name="connsiteX4" fmla="*/ 0 w 4041051"/>
              <a:gd name="connsiteY4" fmla="*/ 2886 h 6527511"/>
              <a:gd name="connsiteX0" fmla="*/ 0 w 4010185"/>
              <a:gd name="connsiteY0" fmla="*/ 2886 h 6527511"/>
              <a:gd name="connsiteX1" fmla="*/ 4010185 w 4010185"/>
              <a:gd name="connsiteY1" fmla="*/ 0 h 6527511"/>
              <a:gd name="connsiteX2" fmla="*/ 2224962 w 4010185"/>
              <a:gd name="connsiteY2" fmla="*/ 6526915 h 6527511"/>
              <a:gd name="connsiteX3" fmla="*/ 0 w 4010185"/>
              <a:gd name="connsiteY3" fmla="*/ 6527511 h 6527511"/>
              <a:gd name="connsiteX4" fmla="*/ 0 w 4010185"/>
              <a:gd name="connsiteY4" fmla="*/ 2886 h 6527511"/>
              <a:gd name="connsiteX0" fmla="*/ 0 w 4010185"/>
              <a:gd name="connsiteY0" fmla="*/ 2886 h 6527511"/>
              <a:gd name="connsiteX1" fmla="*/ 4010185 w 4010185"/>
              <a:gd name="connsiteY1" fmla="*/ 0 h 6527511"/>
              <a:gd name="connsiteX2" fmla="*/ 2224962 w 4010185"/>
              <a:gd name="connsiteY2" fmla="*/ 6526915 h 6527511"/>
              <a:gd name="connsiteX3" fmla="*/ 0 w 4010185"/>
              <a:gd name="connsiteY3" fmla="*/ 6527511 h 6527511"/>
              <a:gd name="connsiteX4" fmla="*/ 0 w 4010185"/>
              <a:gd name="connsiteY4" fmla="*/ 2886 h 6527511"/>
              <a:gd name="connsiteX0" fmla="*/ 0 w 4010185"/>
              <a:gd name="connsiteY0" fmla="*/ 2886 h 6527511"/>
              <a:gd name="connsiteX1" fmla="*/ 4010185 w 4010185"/>
              <a:gd name="connsiteY1" fmla="*/ 0 h 6527511"/>
              <a:gd name="connsiteX2" fmla="*/ 2224962 w 4010185"/>
              <a:gd name="connsiteY2" fmla="*/ 6526915 h 6527511"/>
              <a:gd name="connsiteX3" fmla="*/ 0 w 4010185"/>
              <a:gd name="connsiteY3" fmla="*/ 6527511 h 6527511"/>
              <a:gd name="connsiteX4" fmla="*/ 0 w 4010185"/>
              <a:gd name="connsiteY4" fmla="*/ 2886 h 6527511"/>
              <a:gd name="connsiteX0" fmla="*/ 0 w 4075638"/>
              <a:gd name="connsiteY0" fmla="*/ 2886 h 6527511"/>
              <a:gd name="connsiteX1" fmla="*/ 4010185 w 4075638"/>
              <a:gd name="connsiteY1" fmla="*/ 0 h 6527511"/>
              <a:gd name="connsiteX2" fmla="*/ 2470548 w 4075638"/>
              <a:gd name="connsiteY2" fmla="*/ 3122012 h 6527511"/>
              <a:gd name="connsiteX3" fmla="*/ 2224962 w 4075638"/>
              <a:gd name="connsiteY3" fmla="*/ 6526915 h 6527511"/>
              <a:gd name="connsiteX4" fmla="*/ 0 w 4075638"/>
              <a:gd name="connsiteY4" fmla="*/ 6527511 h 6527511"/>
              <a:gd name="connsiteX5" fmla="*/ 0 w 4075638"/>
              <a:gd name="connsiteY5" fmla="*/ 2886 h 6527511"/>
              <a:gd name="connsiteX0" fmla="*/ 0 w 4071868"/>
              <a:gd name="connsiteY0" fmla="*/ 2886 h 6527511"/>
              <a:gd name="connsiteX1" fmla="*/ 4010185 w 4071868"/>
              <a:gd name="connsiteY1" fmla="*/ 0 h 6527511"/>
              <a:gd name="connsiteX2" fmla="*/ 2350907 w 4071868"/>
              <a:gd name="connsiteY2" fmla="*/ 3113466 h 6527511"/>
              <a:gd name="connsiteX3" fmla="*/ 2224962 w 4071868"/>
              <a:gd name="connsiteY3" fmla="*/ 6526915 h 6527511"/>
              <a:gd name="connsiteX4" fmla="*/ 0 w 4071868"/>
              <a:gd name="connsiteY4" fmla="*/ 6527511 h 6527511"/>
              <a:gd name="connsiteX5" fmla="*/ 0 w 4071868"/>
              <a:gd name="connsiteY5" fmla="*/ 2886 h 6527511"/>
              <a:gd name="connsiteX0" fmla="*/ 0 w 4071868"/>
              <a:gd name="connsiteY0" fmla="*/ 2886 h 6527511"/>
              <a:gd name="connsiteX1" fmla="*/ 4010185 w 4071868"/>
              <a:gd name="connsiteY1" fmla="*/ 0 h 6527511"/>
              <a:gd name="connsiteX2" fmla="*/ 2350907 w 4071868"/>
              <a:gd name="connsiteY2" fmla="*/ 3113466 h 6527511"/>
              <a:gd name="connsiteX3" fmla="*/ 2224962 w 4071868"/>
              <a:gd name="connsiteY3" fmla="*/ 6526915 h 6527511"/>
              <a:gd name="connsiteX4" fmla="*/ 0 w 4071868"/>
              <a:gd name="connsiteY4" fmla="*/ 6527511 h 6527511"/>
              <a:gd name="connsiteX5" fmla="*/ 0 w 4071868"/>
              <a:gd name="connsiteY5" fmla="*/ 2886 h 6527511"/>
              <a:gd name="connsiteX0" fmla="*/ 0 w 4010185"/>
              <a:gd name="connsiteY0" fmla="*/ 2886 h 6527511"/>
              <a:gd name="connsiteX1" fmla="*/ 4010185 w 4010185"/>
              <a:gd name="connsiteY1" fmla="*/ 0 h 6527511"/>
              <a:gd name="connsiteX2" fmla="*/ 2350907 w 4010185"/>
              <a:gd name="connsiteY2" fmla="*/ 3113466 h 6527511"/>
              <a:gd name="connsiteX3" fmla="*/ 2224962 w 4010185"/>
              <a:gd name="connsiteY3" fmla="*/ 6526915 h 6527511"/>
              <a:gd name="connsiteX4" fmla="*/ 0 w 4010185"/>
              <a:gd name="connsiteY4" fmla="*/ 6527511 h 6527511"/>
              <a:gd name="connsiteX5" fmla="*/ 0 w 4010185"/>
              <a:gd name="connsiteY5" fmla="*/ 2886 h 6527511"/>
              <a:gd name="connsiteX0" fmla="*/ 0 w 4010185"/>
              <a:gd name="connsiteY0" fmla="*/ 2886 h 6527511"/>
              <a:gd name="connsiteX1" fmla="*/ 4010185 w 4010185"/>
              <a:gd name="connsiteY1" fmla="*/ 0 h 6527511"/>
              <a:gd name="connsiteX2" fmla="*/ 2373767 w 4010185"/>
              <a:gd name="connsiteY2" fmla="*/ 3110200 h 6527511"/>
              <a:gd name="connsiteX3" fmla="*/ 2224962 w 4010185"/>
              <a:gd name="connsiteY3" fmla="*/ 6526915 h 6527511"/>
              <a:gd name="connsiteX4" fmla="*/ 0 w 4010185"/>
              <a:gd name="connsiteY4" fmla="*/ 6527511 h 6527511"/>
              <a:gd name="connsiteX5" fmla="*/ 0 w 4010185"/>
              <a:gd name="connsiteY5" fmla="*/ 2886 h 6527511"/>
              <a:gd name="connsiteX0" fmla="*/ 0 w 4010185"/>
              <a:gd name="connsiteY0" fmla="*/ 2886 h 6527511"/>
              <a:gd name="connsiteX1" fmla="*/ 4010185 w 4010185"/>
              <a:gd name="connsiteY1" fmla="*/ 0 h 6527511"/>
              <a:gd name="connsiteX2" fmla="*/ 2373767 w 4010185"/>
              <a:gd name="connsiteY2" fmla="*/ 3110200 h 6527511"/>
              <a:gd name="connsiteX3" fmla="*/ 2224962 w 4010185"/>
              <a:gd name="connsiteY3" fmla="*/ 6526915 h 6527511"/>
              <a:gd name="connsiteX4" fmla="*/ 0 w 4010185"/>
              <a:gd name="connsiteY4" fmla="*/ 6527511 h 6527511"/>
              <a:gd name="connsiteX5" fmla="*/ 0 w 4010185"/>
              <a:gd name="connsiteY5" fmla="*/ 2886 h 6527511"/>
              <a:gd name="connsiteX0" fmla="*/ 0 w 4010185"/>
              <a:gd name="connsiteY0" fmla="*/ 0 h 6532717"/>
              <a:gd name="connsiteX1" fmla="*/ 4010185 w 4010185"/>
              <a:gd name="connsiteY1" fmla="*/ 5206 h 6532717"/>
              <a:gd name="connsiteX2" fmla="*/ 2373767 w 4010185"/>
              <a:gd name="connsiteY2" fmla="*/ 3115406 h 6532717"/>
              <a:gd name="connsiteX3" fmla="*/ 2224962 w 4010185"/>
              <a:gd name="connsiteY3" fmla="*/ 6532121 h 6532717"/>
              <a:gd name="connsiteX4" fmla="*/ 0 w 4010185"/>
              <a:gd name="connsiteY4" fmla="*/ 6532717 h 6532717"/>
              <a:gd name="connsiteX5" fmla="*/ 0 w 4010185"/>
              <a:gd name="connsiteY5" fmla="*/ 0 h 65327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010185" h="6532717">
                <a:moveTo>
                  <a:pt x="0" y="0"/>
                </a:moveTo>
                <a:lnTo>
                  <a:pt x="4010185" y="5206"/>
                </a:lnTo>
                <a:cubicBezTo>
                  <a:pt x="3533180" y="559243"/>
                  <a:pt x="2684367" y="2034118"/>
                  <a:pt x="2373767" y="3115406"/>
                </a:cubicBezTo>
                <a:cubicBezTo>
                  <a:pt x="2076230" y="4203225"/>
                  <a:pt x="1901782" y="5426153"/>
                  <a:pt x="2224962" y="6532121"/>
                </a:cubicBezTo>
                <a:lnTo>
                  <a:pt x="0" y="6532717"/>
                </a:lnTo>
                <a:lnTo>
                  <a:pt x="0" y="0"/>
                </a:lnTo>
                <a:close/>
              </a:path>
            </a:pathLst>
          </a:custGeom>
          <a:solidFill>
            <a:srgbClr val="93A5B0"/>
          </a:solidFill>
          <a:ln>
            <a:noFill/>
          </a:ln>
        </p:spPr>
        <p:txBody>
          <a:bodyPr/>
          <a:lstStyle>
            <a:lvl1pPr marL="0" indent="0" algn="l">
              <a:buNone/>
              <a:defRPr sz="1600"/>
            </a:lvl1pPr>
          </a:lstStyle>
          <a:p>
            <a:r>
              <a:rPr lang="en-GB" dirty="0"/>
              <a:t>Insert image via Templafy pane</a:t>
            </a:r>
            <a:endParaRPr lang="en-GB"/>
          </a:p>
        </p:txBody>
      </p:sp>
      <p:sp>
        <p:nvSpPr>
          <p:cNvPr id="6" name="Rectangle 11">
            <a:extLst>
              <a:ext uri="{FF2B5EF4-FFF2-40B4-BE49-F238E27FC236}">
                <a16:creationId xmlns:a16="http://schemas.microsoft.com/office/drawing/2014/main" id="{52412C93-D5DF-4A6F-9568-E3760D8F87E9}"/>
              </a:ext>
            </a:extLst>
          </p:cNvPr>
          <p:cNvSpPr txBox="1">
            <a:spLocks noChangeArrowheads="1"/>
          </p:cNvSpPr>
          <p:nvPr userDrawn="1"/>
        </p:nvSpPr>
        <p:spPr bwMode="auto">
          <a:xfrm>
            <a:off x="9227864" y="6416675"/>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defPPr>
              <a:defRPr lang="en-US"/>
            </a:defPPr>
            <a:lvl1pPr algn="r" rtl="0" eaLnBrk="0" fontAlgn="base" hangingPunct="0">
              <a:spcBef>
                <a:spcPct val="0"/>
              </a:spcBef>
              <a:spcAft>
                <a:spcPct val="0"/>
              </a:spcAft>
              <a:defRPr sz="1400" kern="1200">
                <a:solidFill>
                  <a:schemeClr val="tx1"/>
                </a:solidFill>
                <a:latin typeface="Arial" charset="0"/>
                <a:ea typeface="ＭＳ Ｐゴシック" pitchFamily="-128" charset="-128"/>
                <a:cs typeface="+mn-cs"/>
              </a:defRPr>
            </a:lvl1pPr>
            <a:lvl2pPr marL="4572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2pPr>
            <a:lvl3pPr marL="9144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3pPr>
            <a:lvl4pPr marL="13716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4pPr>
            <a:lvl5pPr marL="1828800" algn="l" rtl="0" eaLnBrk="0" fontAlgn="base" hangingPunct="0">
              <a:spcBef>
                <a:spcPct val="0"/>
              </a:spcBef>
              <a:spcAft>
                <a:spcPct val="0"/>
              </a:spcAft>
              <a:defRPr sz="2400" kern="1200">
                <a:solidFill>
                  <a:schemeClr val="tx1"/>
                </a:solidFill>
                <a:latin typeface="Arial" charset="0"/>
                <a:ea typeface="ＭＳ Ｐゴシック" pitchFamily="-128" charset="-128"/>
                <a:cs typeface="+mn-cs"/>
              </a:defRPr>
            </a:lvl5pPr>
            <a:lvl6pPr marL="2286000" algn="l" defTabSz="914400" rtl="0" eaLnBrk="1" latinLnBrk="0" hangingPunct="1">
              <a:defRPr sz="2400" kern="1200">
                <a:solidFill>
                  <a:schemeClr val="tx1"/>
                </a:solidFill>
                <a:latin typeface="Arial" charset="0"/>
                <a:ea typeface="ＭＳ Ｐゴシック" pitchFamily="-128" charset="-128"/>
                <a:cs typeface="+mn-cs"/>
              </a:defRPr>
            </a:lvl6pPr>
            <a:lvl7pPr marL="2743200" algn="l" defTabSz="914400" rtl="0" eaLnBrk="1" latinLnBrk="0" hangingPunct="1">
              <a:defRPr sz="2400" kern="1200">
                <a:solidFill>
                  <a:schemeClr val="tx1"/>
                </a:solidFill>
                <a:latin typeface="Arial" charset="0"/>
                <a:ea typeface="ＭＳ Ｐゴシック" pitchFamily="-128" charset="-128"/>
                <a:cs typeface="+mn-cs"/>
              </a:defRPr>
            </a:lvl7pPr>
            <a:lvl8pPr marL="3200400" algn="l" defTabSz="914400" rtl="0" eaLnBrk="1" latinLnBrk="0" hangingPunct="1">
              <a:defRPr sz="2400" kern="1200">
                <a:solidFill>
                  <a:schemeClr val="tx1"/>
                </a:solidFill>
                <a:latin typeface="Arial" charset="0"/>
                <a:ea typeface="ＭＳ Ｐゴシック" pitchFamily="-128" charset="-128"/>
                <a:cs typeface="+mn-cs"/>
              </a:defRPr>
            </a:lvl8pPr>
            <a:lvl9pPr marL="3657600" algn="l" defTabSz="914400" rtl="0" eaLnBrk="1" latinLnBrk="0" hangingPunct="1">
              <a:defRPr sz="2400" kern="1200">
                <a:solidFill>
                  <a:schemeClr val="tx1"/>
                </a:solidFill>
                <a:latin typeface="Arial" charset="0"/>
                <a:ea typeface="ＭＳ Ｐゴシック" pitchFamily="-128" charset="-128"/>
                <a:cs typeface="+mn-cs"/>
              </a:defRPr>
            </a:lvl9pPr>
          </a:lstStyle>
          <a:p>
            <a:pPr>
              <a:defRPr/>
            </a:pPr>
            <a:fld id="{0E808A4E-B55F-4717-AB09-68D98B68A291}" type="slidenum">
              <a:rPr lang="en-GB" sz="1050" smtClean="0">
                <a:latin typeface="+mn-lt"/>
              </a:rPr>
              <a:pPr>
                <a:defRPr/>
              </a:pPr>
              <a:t>‹#›</a:t>
            </a:fld>
            <a:endParaRPr lang="en-GB" sz="1050" dirty="0">
              <a:latin typeface="+mn-lt"/>
            </a:endParaRPr>
          </a:p>
        </p:txBody>
      </p:sp>
      <p:sp>
        <p:nvSpPr>
          <p:cNvPr id="8" name="Rectangle 9">
            <a:extLst>
              <a:ext uri="{FF2B5EF4-FFF2-40B4-BE49-F238E27FC236}">
                <a16:creationId xmlns:a16="http://schemas.microsoft.com/office/drawing/2014/main" id="{693F5C2D-D698-4DF5-8F97-7FDD145B00C1}"/>
              </a:ext>
            </a:extLst>
          </p:cNvPr>
          <p:cNvSpPr>
            <a:spLocks noGrp="1" noChangeArrowheads="1"/>
          </p:cNvSpPr>
          <p:nvPr>
            <p:ph type="title"/>
          </p:nvPr>
        </p:nvSpPr>
        <p:spPr bwMode="auto">
          <a:xfrm>
            <a:off x="4012906" y="326364"/>
            <a:ext cx="7699719"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Tree>
    <p:extLst>
      <p:ext uri="{BB962C8B-B14F-4D97-AF65-F5344CB8AC3E}">
        <p14:creationId xmlns:p14="http://schemas.microsoft.com/office/powerpoint/2010/main" val="1057081715"/>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Dark Image Title Slide">
    <p:spTree>
      <p:nvGrpSpPr>
        <p:cNvPr id="1" name=""/>
        <p:cNvGrpSpPr/>
        <p:nvPr/>
      </p:nvGrpSpPr>
      <p:grpSpPr>
        <a:xfrm>
          <a:off x="0" y="0"/>
          <a:ext cx="0" cy="0"/>
          <a:chOff x="0" y="0"/>
          <a:chExt cx="0" cy="0"/>
        </a:xfrm>
      </p:grpSpPr>
      <p:sp>
        <p:nvSpPr>
          <p:cNvPr id="17" name="Rectangle 16">
            <a:extLst>
              <a:ext uri="{FF2B5EF4-FFF2-40B4-BE49-F238E27FC236}">
                <a16:creationId xmlns:a16="http://schemas.microsoft.com/office/drawing/2014/main" id="{67AB78DF-3037-4A99-A9C0-1F06A30A9CE0}"/>
              </a:ext>
            </a:extLst>
          </p:cNvPr>
          <p:cNvSpPr/>
          <p:nvPr userDrawn="1"/>
        </p:nvSpPr>
        <p:spPr bwMode="auto">
          <a:xfrm>
            <a:off x="0" y="-27384"/>
            <a:ext cx="8472264" cy="432048"/>
          </a:xfrm>
          <a:prstGeom prst="rect">
            <a:avLst/>
          </a:prstGeom>
          <a:solidFill>
            <a:schemeClr val="bg1"/>
          </a:solidFill>
          <a:ln w="9525" cap="flat" cmpd="sng" algn="ctr">
            <a:solidFill>
              <a:schemeClr val="bg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GB" sz="2400" b="0" i="0" u="none" strike="noStrike" cap="none" normalizeH="0" baseline="0">
              <a:ln>
                <a:noFill/>
              </a:ln>
              <a:solidFill>
                <a:schemeClr val="tx1"/>
              </a:solidFill>
              <a:effectLst/>
              <a:latin typeface="Arial" charset="0"/>
              <a:ea typeface="ＭＳ Ｐゴシック" pitchFamily="-128" charset="-128"/>
            </a:endParaRPr>
          </a:p>
        </p:txBody>
      </p:sp>
      <p:sp>
        <p:nvSpPr>
          <p:cNvPr id="9" name="Picture Placeholder 12">
            <a:extLst>
              <a:ext uri="{FF2B5EF4-FFF2-40B4-BE49-F238E27FC236}">
                <a16:creationId xmlns:a16="http://schemas.microsoft.com/office/drawing/2014/main" id="{5A0397E7-8B27-4E28-A1A5-BDBD6D99466A}"/>
              </a:ext>
            </a:extLst>
          </p:cNvPr>
          <p:cNvSpPr>
            <a:spLocks noGrp="1"/>
          </p:cNvSpPr>
          <p:nvPr>
            <p:ph type="pic" sz="quarter" idx="11" hasCustomPrompt="1"/>
          </p:nvPr>
        </p:nvSpPr>
        <p:spPr>
          <a:xfrm>
            <a:off x="-10832" y="-7462"/>
            <a:ext cx="12213664" cy="6858000"/>
          </a:xfrm>
        </p:spPr>
        <p:txBody>
          <a:bodyPr/>
          <a:lstStyle>
            <a:lvl1pPr marL="0" indent="0">
              <a:buNone/>
              <a:defRPr sz="1400"/>
            </a:lvl1pPr>
          </a:lstStyle>
          <a:p>
            <a:r>
              <a:rPr lang="en-GB" dirty="0"/>
              <a:t>Insert image via Templafy</a:t>
            </a:r>
            <a:endParaRPr lang="en-GB"/>
          </a:p>
        </p:txBody>
      </p:sp>
      <p:sp>
        <p:nvSpPr>
          <p:cNvPr id="10" name="Text Placeholder 7">
            <a:extLst>
              <a:ext uri="{FF2B5EF4-FFF2-40B4-BE49-F238E27FC236}">
                <a16:creationId xmlns:a16="http://schemas.microsoft.com/office/drawing/2014/main" id="{064A9C67-5E20-4A63-AF9E-D6E2BB853413}"/>
              </a:ext>
            </a:extLst>
          </p:cNvPr>
          <p:cNvSpPr>
            <a:spLocks noGrp="1"/>
          </p:cNvSpPr>
          <p:nvPr>
            <p:ph type="body" sz="quarter" idx="10"/>
          </p:nvPr>
        </p:nvSpPr>
        <p:spPr>
          <a:xfrm>
            <a:off x="6647480" y="0"/>
            <a:ext cx="5569200" cy="4150800"/>
          </a:xfrm>
          <a:blipFill>
            <a:blip r:embed="rId3">
              <a:extLst>
                <a:ext uri="{BEBA8EAE-BF5A-486C-A8C5-ECC9F3942E4B}">
                  <a14:imgProps xmlns:a14="http://schemas.microsoft.com/office/drawing/2010/main">
                    <a14:imgLayer r:embed="rId4">
                      <a14:imgEffect>
                        <a14:artisticGlowEdges/>
                      </a14:imgEffect>
                    </a14:imgLayer>
                  </a14:imgProps>
                </a:ext>
              </a:extLst>
            </a:blip>
            <a:stretch>
              <a:fillRect/>
            </a:stretch>
          </a:blipFill>
        </p:spPr>
        <p:txBody>
          <a:bodyPr/>
          <a:lstStyle>
            <a:lvl1pPr marL="0" indent="0">
              <a:buNone/>
              <a:defRPr sz="100">
                <a:noFill/>
              </a:defRPr>
            </a:lvl1pPr>
          </a:lstStyle>
          <a:p>
            <a:pPr lvl="0"/>
            <a:r>
              <a:rPr lang="en-GB"/>
              <a:t>Click to edit Master text styles</a:t>
            </a:r>
          </a:p>
        </p:txBody>
      </p:sp>
      <p:sp>
        <p:nvSpPr>
          <p:cNvPr id="28674" name="Rectangle 3"/>
          <p:cNvSpPr>
            <a:spLocks noGrp="1" noChangeArrowheads="1"/>
          </p:cNvSpPr>
          <p:nvPr>
            <p:ph type="subTitle" idx="1"/>
          </p:nvPr>
        </p:nvSpPr>
        <p:spPr bwMode="black">
          <a:xfrm>
            <a:off x="7641664" y="4149080"/>
            <a:ext cx="4156800" cy="1213200"/>
          </a:xfrm>
        </p:spPr>
        <p:txBody>
          <a:bodyPr/>
          <a:lstStyle>
            <a:lvl1pPr marL="0" indent="0" algn="r">
              <a:buFontTx/>
              <a:buNone/>
              <a:defRPr sz="2000" smtClean="0">
                <a:solidFill>
                  <a:schemeClr val="bg1"/>
                </a:solidFill>
              </a:defRPr>
            </a:lvl1pPr>
          </a:lstStyle>
          <a:p>
            <a:r>
              <a:rPr lang="en-GB"/>
              <a:t>Click to edit Master subtitle style</a:t>
            </a:r>
            <a:endParaRPr lang="en-GB" dirty="0"/>
          </a:p>
        </p:txBody>
      </p:sp>
      <p:sp>
        <p:nvSpPr>
          <p:cNvPr id="28675" name="Rectangle 9"/>
          <p:cNvSpPr>
            <a:spLocks noGrp="1" noChangeArrowheads="1"/>
          </p:cNvSpPr>
          <p:nvPr>
            <p:ph type="ctrTitle"/>
          </p:nvPr>
        </p:nvSpPr>
        <p:spPr bwMode="black">
          <a:xfrm>
            <a:off x="6672064" y="2564904"/>
            <a:ext cx="5126400" cy="1501200"/>
          </a:xfrm>
        </p:spPr>
        <p:txBody>
          <a:bodyPr/>
          <a:lstStyle>
            <a:lvl1pPr algn="r">
              <a:defRPr sz="3200" smtClean="0">
                <a:solidFill>
                  <a:schemeClr val="bg1"/>
                </a:solidFill>
              </a:defRPr>
            </a:lvl1pPr>
          </a:lstStyle>
          <a:p>
            <a:r>
              <a:rPr lang="en-GB"/>
              <a:t>Click to edit Master title style</a:t>
            </a:r>
            <a:endParaRPr lang="en-GB" dirty="0"/>
          </a:p>
        </p:txBody>
      </p:sp>
      <p:sp>
        <p:nvSpPr>
          <p:cNvPr id="14" name="AwardImage3" descr="{&quot;templafy&quot;:{&quot;id&quot;:&quot;8b36c23a-7e62-4653-b386-b37182507916&quot;}}" title="UserProfile.DisclaimerBD.Brandsignoffinsert">
            <a:extLst>
              <a:ext uri="{FF2B5EF4-FFF2-40B4-BE49-F238E27FC236}">
                <a16:creationId xmlns:a16="http://schemas.microsoft.com/office/drawing/2014/main" id="{655B4AF7-9814-453F-ADFD-E8DB90F4117A}"/>
              </a:ext>
            </a:extLst>
          </p:cNvPr>
          <p:cNvSpPr/>
          <p:nvPr userDrawn="1"/>
        </p:nvSpPr>
        <p:spPr bwMode="auto">
          <a:xfrm>
            <a:off x="8328248" y="6021287"/>
            <a:ext cx="3470216" cy="60972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r" defTabSz="914400" rtl="0" eaLnBrk="0" fontAlgn="base" latinLnBrk="0" hangingPunct="0">
              <a:lnSpc>
                <a:spcPct val="100000"/>
              </a:lnSpc>
              <a:spcBef>
                <a:spcPct val="0"/>
              </a:spcBef>
              <a:spcAft>
                <a:spcPct val="0"/>
              </a:spcAft>
              <a:buClrTx/>
              <a:buSzTx/>
              <a:buFontTx/>
              <a:buNone/>
              <a:tabLst/>
            </a:pPr>
            <a:r>
              <a:rPr kumimoji="0" lang="en-GB" sz="900" b="1" i="0" u="none" strike="noStrike" kern="1000" cap="all" normalizeH="0" baseline="0" dirty="0">
                <a:ln>
                  <a:noFill/>
                </a:ln>
                <a:solidFill>
                  <a:schemeClr val="bg1"/>
                </a:solidFill>
                <a:effectLst/>
                <a:latin typeface="+mj-lt"/>
                <a:ea typeface="ＭＳ Ｐゴシック" pitchFamily="-128" charset="-128"/>
              </a:rPr>
              <a:t>A purpose-led professional services business with law at the core</a:t>
            </a:r>
            <a:endParaRPr lang="en-GB"/>
          </a:p>
        </p:txBody>
      </p:sp>
      <p:pic>
        <p:nvPicPr>
          <p:cNvPr id="721066752" name="LogoImage" descr="{&quot;templafy&quot;:{&quot;id&quot;:&quot;0e24d170-1310-41ae-be24-1c09c47cd004&quot;}}"/>
          <p:cNvPicPr>
            <a:picLocks noChangeAspect="1"/>
          </p:cNvPicPr>
          <p:nvPr/>
        </p:nvPicPr>
        <p:blipFill>
          <a:blip r:embed="rId5"/>
          <a:stretch>
            <a:fillRect/>
          </a:stretch>
        </p:blipFill>
        <p:spPr>
          <a:xfrm>
            <a:off x="9939600" y="547200"/>
            <a:ext cx="1440000" cy="643651"/>
          </a:xfrm>
          <a:prstGeom prst="rect">
            <a:avLst/>
          </a:prstGeom>
        </p:spPr>
      </p:pic>
      <p:pic>
        <p:nvPicPr>
          <p:cNvPr id="1802758463" name="AwardImage" descr="{&quot;templafy&quot;:{&quot;id&quot;:&quot;bfaee76c-0296-4ba2-ae14-3e32cd05c426&quot;}}"/>
          <p:cNvPicPr>
            <a:picLocks noChangeAspect="1"/>
          </p:cNvPicPr>
          <p:nvPr/>
        </p:nvPicPr>
        <p:blipFill>
          <a:blip r:embed="rId6"/>
          <a:stretch>
            <a:fillRect/>
          </a:stretch>
        </p:blipFill>
        <p:spPr>
          <a:xfrm>
            <a:off x="540000" y="640800"/>
            <a:ext cx="2380881" cy="360000"/>
          </a:xfrm>
          <a:prstGeom prst="rect">
            <a:avLst/>
          </a:prstGeom>
        </p:spPr>
      </p:pic>
      <p:pic>
        <p:nvPicPr>
          <p:cNvPr id="1252012698" name="AwardImage2" descr="{&quot;templafy&quot;:{&quot;id&quot;:&quot;40100481-3af3-419d-9579-e0ea27fa9b0a&quot;}}"/>
          <p:cNvPicPr>
            <a:picLocks noChangeAspect="1"/>
          </p:cNvPicPr>
          <p:nvPr/>
        </p:nvPicPr>
        <p:blipFill>
          <a:blip r:embed="rId6"/>
          <a:stretch>
            <a:fillRect/>
          </a:stretch>
        </p:blipFill>
        <p:spPr>
          <a:xfrm>
            <a:off x="2495760" y="640800"/>
            <a:ext cx="2380881" cy="360000"/>
          </a:xfrm>
          <a:prstGeom prst="rect">
            <a:avLst/>
          </a:prstGeom>
        </p:spPr>
      </p:pic>
    </p:spTree>
    <p:custDataLst>
      <p:tags r:id="rId1"/>
    </p:custDataLst>
    <p:extLst>
      <p:ext uri="{BB962C8B-B14F-4D97-AF65-F5344CB8AC3E}">
        <p14:creationId xmlns:p14="http://schemas.microsoft.com/office/powerpoint/2010/main" val="207601197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a:xfrm>
            <a:off x="3503712" y="1398744"/>
            <a:ext cx="8280919" cy="5265993"/>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6" name="Picture Placeholder 6">
            <a:extLst>
              <a:ext uri="{FF2B5EF4-FFF2-40B4-BE49-F238E27FC236}">
                <a16:creationId xmlns:a16="http://schemas.microsoft.com/office/drawing/2014/main" id="{93387B9B-11F7-4F77-B187-C13A65B21D50}"/>
              </a:ext>
            </a:extLst>
          </p:cNvPr>
          <p:cNvSpPr>
            <a:spLocks noGrp="1"/>
          </p:cNvSpPr>
          <p:nvPr>
            <p:ph type="pic" sz="quarter" idx="11" hasCustomPrompt="1"/>
          </p:nvPr>
        </p:nvSpPr>
        <p:spPr bwMode="auto">
          <a:xfrm>
            <a:off x="11941" y="323647"/>
            <a:ext cx="3372142" cy="6534353"/>
          </a:xfrm>
          <a:custGeom>
            <a:avLst/>
            <a:gdLst>
              <a:gd name="connsiteX0" fmla="*/ 0 w 2268537"/>
              <a:gd name="connsiteY0" fmla="*/ 0 h 6524625"/>
              <a:gd name="connsiteX1" fmla="*/ 1890440 w 2268537"/>
              <a:gd name="connsiteY1" fmla="*/ 0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1585047 w 2268537"/>
              <a:gd name="connsiteY2" fmla="*/ 1070824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9236 h 6533861"/>
              <a:gd name="connsiteX1" fmla="*/ 1216185 w 2268537"/>
              <a:gd name="connsiteY1" fmla="*/ 0 h 6533861"/>
              <a:gd name="connsiteX2" fmla="*/ 1585047 w 2268537"/>
              <a:gd name="connsiteY2" fmla="*/ 1080060 h 6533861"/>
              <a:gd name="connsiteX3" fmla="*/ 2268537 w 2268537"/>
              <a:gd name="connsiteY3" fmla="*/ 6533861 h 6533861"/>
              <a:gd name="connsiteX4" fmla="*/ 0 w 2268537"/>
              <a:gd name="connsiteY4" fmla="*/ 6533861 h 6533861"/>
              <a:gd name="connsiteX5" fmla="*/ 0 w 2268537"/>
              <a:gd name="connsiteY5" fmla="*/ 9236 h 6533861"/>
              <a:gd name="connsiteX0" fmla="*/ 0 w 2243137"/>
              <a:gd name="connsiteY0" fmla="*/ 9236 h 6533861"/>
              <a:gd name="connsiteX1" fmla="*/ 1216185 w 2243137"/>
              <a:gd name="connsiteY1" fmla="*/ 0 h 6533861"/>
              <a:gd name="connsiteX2" fmla="*/ 1585047 w 2243137"/>
              <a:gd name="connsiteY2" fmla="*/ 1080060 h 6533861"/>
              <a:gd name="connsiteX3" fmla="*/ 2243137 w 2243137"/>
              <a:gd name="connsiteY3" fmla="*/ 6533861 h 6533861"/>
              <a:gd name="connsiteX4" fmla="*/ 0 w 2243137"/>
              <a:gd name="connsiteY4" fmla="*/ 6533861 h 6533861"/>
              <a:gd name="connsiteX5" fmla="*/ 0 w 2243137"/>
              <a:gd name="connsiteY5"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60600 w 2260600"/>
              <a:gd name="connsiteY3" fmla="*/ 5587711 h 6533861"/>
              <a:gd name="connsiteX4" fmla="*/ 2243137 w 2260600"/>
              <a:gd name="connsiteY4" fmla="*/ 6533861 h 6533861"/>
              <a:gd name="connsiteX5" fmla="*/ 0 w 2260600"/>
              <a:gd name="connsiteY5" fmla="*/ 6533861 h 6533861"/>
              <a:gd name="connsiteX6" fmla="*/ 0 w 2260600"/>
              <a:gd name="connsiteY6" fmla="*/ 9236 h 6533861"/>
              <a:gd name="connsiteX0" fmla="*/ 0 w 2270649"/>
              <a:gd name="connsiteY0" fmla="*/ 9236 h 6533861"/>
              <a:gd name="connsiteX1" fmla="*/ 1216185 w 2270649"/>
              <a:gd name="connsiteY1" fmla="*/ 0 h 6533861"/>
              <a:gd name="connsiteX2" fmla="*/ 1585047 w 2270649"/>
              <a:gd name="connsiteY2" fmla="*/ 1080060 h 6533861"/>
              <a:gd name="connsiteX3" fmla="*/ 2209800 w 2270649"/>
              <a:gd name="connsiteY3" fmla="*/ 4463761 h 6533861"/>
              <a:gd name="connsiteX4" fmla="*/ 2260600 w 2270649"/>
              <a:gd name="connsiteY4" fmla="*/ 5587711 h 6533861"/>
              <a:gd name="connsiteX5" fmla="*/ 2243137 w 2270649"/>
              <a:gd name="connsiteY5" fmla="*/ 6533861 h 6533861"/>
              <a:gd name="connsiteX6" fmla="*/ 0 w 2270649"/>
              <a:gd name="connsiteY6" fmla="*/ 6533861 h 6533861"/>
              <a:gd name="connsiteX7" fmla="*/ 0 w 2270649"/>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098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73405"/>
              <a:gd name="connsiteY0" fmla="*/ 9236 h 6533861"/>
              <a:gd name="connsiteX1" fmla="*/ 1216185 w 2273405"/>
              <a:gd name="connsiteY1" fmla="*/ 0 h 6533861"/>
              <a:gd name="connsiteX2" fmla="*/ 1585047 w 2273405"/>
              <a:gd name="connsiteY2" fmla="*/ 1080060 h 6533861"/>
              <a:gd name="connsiteX3" fmla="*/ 2235200 w 2273405"/>
              <a:gd name="connsiteY3" fmla="*/ 4463761 h 6533861"/>
              <a:gd name="connsiteX4" fmla="*/ 2260600 w 2273405"/>
              <a:gd name="connsiteY4" fmla="*/ 5587711 h 6533861"/>
              <a:gd name="connsiteX5" fmla="*/ 2243137 w 2273405"/>
              <a:gd name="connsiteY5" fmla="*/ 6533861 h 6533861"/>
              <a:gd name="connsiteX6" fmla="*/ 0 w 2273405"/>
              <a:gd name="connsiteY6" fmla="*/ 6533861 h 6533861"/>
              <a:gd name="connsiteX7" fmla="*/ 0 w 2273405"/>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352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1898650 w 2260600"/>
              <a:gd name="connsiteY3" fmla="*/ 2279361 h 6533861"/>
              <a:gd name="connsiteX4" fmla="*/ 2095500 w 2260600"/>
              <a:gd name="connsiteY4" fmla="*/ 3454111 h 6533861"/>
              <a:gd name="connsiteX5" fmla="*/ 2235200 w 2260600"/>
              <a:gd name="connsiteY5" fmla="*/ 4463761 h 6533861"/>
              <a:gd name="connsiteX6" fmla="*/ 2260600 w 2260600"/>
              <a:gd name="connsiteY6" fmla="*/ 5587711 h 6533861"/>
              <a:gd name="connsiteX7" fmla="*/ 2243137 w 2260600"/>
              <a:gd name="connsiteY7" fmla="*/ 6533861 h 6533861"/>
              <a:gd name="connsiteX8" fmla="*/ 0 w 2260600"/>
              <a:gd name="connsiteY8" fmla="*/ 6533861 h 6533861"/>
              <a:gd name="connsiteX9" fmla="*/ 0 w 2260600"/>
              <a:gd name="connsiteY9" fmla="*/ 9236 h 6533861"/>
              <a:gd name="connsiteX0" fmla="*/ 0 w 3417887"/>
              <a:gd name="connsiteY0" fmla="*/ 9236 h 6546561"/>
              <a:gd name="connsiteX1" fmla="*/ 1216185 w 3417887"/>
              <a:gd name="connsiteY1" fmla="*/ 0 h 6546561"/>
              <a:gd name="connsiteX2" fmla="*/ 1585047 w 3417887"/>
              <a:gd name="connsiteY2" fmla="*/ 1080060 h 6546561"/>
              <a:gd name="connsiteX3" fmla="*/ 1898650 w 3417887"/>
              <a:gd name="connsiteY3" fmla="*/ 2279361 h 6546561"/>
              <a:gd name="connsiteX4" fmla="*/ 2095500 w 3417887"/>
              <a:gd name="connsiteY4" fmla="*/ 3454111 h 6546561"/>
              <a:gd name="connsiteX5" fmla="*/ 2235200 w 3417887"/>
              <a:gd name="connsiteY5" fmla="*/ 4463761 h 6546561"/>
              <a:gd name="connsiteX6" fmla="*/ 2260600 w 3417887"/>
              <a:gd name="connsiteY6" fmla="*/ 5587711 h 6546561"/>
              <a:gd name="connsiteX7" fmla="*/ 3417887 w 3417887"/>
              <a:gd name="connsiteY7" fmla="*/ 6546561 h 6546561"/>
              <a:gd name="connsiteX8" fmla="*/ 0 w 3417887"/>
              <a:gd name="connsiteY8" fmla="*/ 6533861 h 6546561"/>
              <a:gd name="connsiteX9" fmla="*/ 0 w 3417887"/>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2095500 w 3429000"/>
              <a:gd name="connsiteY4" fmla="*/ 3454111 h 6546561"/>
              <a:gd name="connsiteX5" fmla="*/ 2235200 w 3429000"/>
              <a:gd name="connsiteY5" fmla="*/ 44637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2095500 w 3429000"/>
              <a:gd name="connsiteY4" fmla="*/ 345411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2095500 w 3429000"/>
              <a:gd name="connsiteY4" fmla="*/ 345411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24200 w 3429000"/>
              <a:gd name="connsiteY4" fmla="*/ 272386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24200 w 3429000"/>
              <a:gd name="connsiteY4" fmla="*/ 2723861 h 6546561"/>
              <a:gd name="connsiteX5" fmla="*/ 3289300 w 3429000"/>
              <a:gd name="connsiteY5" fmla="*/ 373986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24200 w 3429000"/>
              <a:gd name="connsiteY4" fmla="*/ 272386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1898650 w 3429000"/>
              <a:gd name="connsiteY3" fmla="*/ 2279361 h 6546561"/>
              <a:gd name="connsiteX4" fmla="*/ 3162300 w 3429000"/>
              <a:gd name="connsiteY4" fmla="*/ 290801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1585047 w 3429000"/>
              <a:gd name="connsiteY2" fmla="*/ 1080060 h 6546561"/>
              <a:gd name="connsiteX3" fmla="*/ 2946400 w 3429000"/>
              <a:gd name="connsiteY3" fmla="*/ 1904711 h 6546561"/>
              <a:gd name="connsiteX4" fmla="*/ 3162300 w 3429000"/>
              <a:gd name="connsiteY4" fmla="*/ 290801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9236 h 6546561"/>
              <a:gd name="connsiteX1" fmla="*/ 1216185 w 3429000"/>
              <a:gd name="connsiteY1" fmla="*/ 0 h 6546561"/>
              <a:gd name="connsiteX2" fmla="*/ 2601047 w 3429000"/>
              <a:gd name="connsiteY2" fmla="*/ 762560 h 6546561"/>
              <a:gd name="connsiteX3" fmla="*/ 2946400 w 3429000"/>
              <a:gd name="connsiteY3" fmla="*/ 1904711 h 6546561"/>
              <a:gd name="connsiteX4" fmla="*/ 3162300 w 3429000"/>
              <a:gd name="connsiteY4" fmla="*/ 2908011 h 6546561"/>
              <a:gd name="connsiteX5" fmla="*/ 3333750 w 3429000"/>
              <a:gd name="connsiteY5" fmla="*/ 3936711 h 6546561"/>
              <a:gd name="connsiteX6" fmla="*/ 3429000 w 3429000"/>
              <a:gd name="connsiteY6" fmla="*/ 5117811 h 6546561"/>
              <a:gd name="connsiteX7" fmla="*/ 3417887 w 3429000"/>
              <a:gd name="connsiteY7" fmla="*/ 6546561 h 6546561"/>
              <a:gd name="connsiteX8" fmla="*/ 0 w 3429000"/>
              <a:gd name="connsiteY8" fmla="*/ 6533861 h 6546561"/>
              <a:gd name="connsiteX9" fmla="*/ 0 w 3429000"/>
              <a:gd name="connsiteY9" fmla="*/ 9236 h 6546561"/>
              <a:gd name="connsiteX0" fmla="*/ 0 w 3429000"/>
              <a:gd name="connsiteY0" fmla="*/ 0 h 6537325"/>
              <a:gd name="connsiteX1" fmla="*/ 2333785 w 3429000"/>
              <a:gd name="connsiteY1" fmla="*/ 3464 h 6537325"/>
              <a:gd name="connsiteX2" fmla="*/ 2601047 w 3429000"/>
              <a:gd name="connsiteY2" fmla="*/ 753324 h 6537325"/>
              <a:gd name="connsiteX3" fmla="*/ 2946400 w 3429000"/>
              <a:gd name="connsiteY3" fmla="*/ 1895475 h 6537325"/>
              <a:gd name="connsiteX4" fmla="*/ 3162300 w 3429000"/>
              <a:gd name="connsiteY4" fmla="*/ 2898775 h 6537325"/>
              <a:gd name="connsiteX5" fmla="*/ 3333750 w 3429000"/>
              <a:gd name="connsiteY5" fmla="*/ 3927475 h 6537325"/>
              <a:gd name="connsiteX6" fmla="*/ 3429000 w 3429000"/>
              <a:gd name="connsiteY6" fmla="*/ 5108575 h 6537325"/>
              <a:gd name="connsiteX7" fmla="*/ 3417887 w 3429000"/>
              <a:gd name="connsiteY7" fmla="*/ 6537325 h 6537325"/>
              <a:gd name="connsiteX8" fmla="*/ 0 w 3429000"/>
              <a:gd name="connsiteY8" fmla="*/ 6524625 h 6537325"/>
              <a:gd name="connsiteX9" fmla="*/ 0 w 3429000"/>
              <a:gd name="connsiteY9" fmla="*/ 0 h 6537325"/>
              <a:gd name="connsiteX0" fmla="*/ 0 w 3429000"/>
              <a:gd name="connsiteY0" fmla="*/ 0 h 6537325"/>
              <a:gd name="connsiteX1" fmla="*/ 2333785 w 3429000"/>
              <a:gd name="connsiteY1" fmla="*/ 3464 h 6537325"/>
              <a:gd name="connsiteX2" fmla="*/ 2601047 w 3429000"/>
              <a:gd name="connsiteY2" fmla="*/ 753324 h 6537325"/>
              <a:gd name="connsiteX3" fmla="*/ 2946400 w 3429000"/>
              <a:gd name="connsiteY3" fmla="*/ 1895475 h 6537325"/>
              <a:gd name="connsiteX4" fmla="*/ 3180773 w 3429000"/>
              <a:gd name="connsiteY4" fmla="*/ 2908012 h 6537325"/>
              <a:gd name="connsiteX5" fmla="*/ 3333750 w 3429000"/>
              <a:gd name="connsiteY5" fmla="*/ 3927475 h 6537325"/>
              <a:gd name="connsiteX6" fmla="*/ 3429000 w 3429000"/>
              <a:gd name="connsiteY6" fmla="*/ 5108575 h 6537325"/>
              <a:gd name="connsiteX7" fmla="*/ 3417887 w 3429000"/>
              <a:gd name="connsiteY7" fmla="*/ 6537325 h 6537325"/>
              <a:gd name="connsiteX8" fmla="*/ 0 w 3429000"/>
              <a:gd name="connsiteY8" fmla="*/ 6524625 h 6537325"/>
              <a:gd name="connsiteX9" fmla="*/ 0 w 3429000"/>
              <a:gd name="connsiteY9" fmla="*/ 0 h 6537325"/>
              <a:gd name="connsiteX0" fmla="*/ 0 w 3429000"/>
              <a:gd name="connsiteY0" fmla="*/ 8567 h 6545892"/>
              <a:gd name="connsiteX1" fmla="*/ 2574417 w 3429000"/>
              <a:gd name="connsiteY1" fmla="*/ 0 h 6545892"/>
              <a:gd name="connsiteX2" fmla="*/ 2601047 w 3429000"/>
              <a:gd name="connsiteY2" fmla="*/ 761891 h 6545892"/>
              <a:gd name="connsiteX3" fmla="*/ 2946400 w 3429000"/>
              <a:gd name="connsiteY3" fmla="*/ 1904042 h 6545892"/>
              <a:gd name="connsiteX4" fmla="*/ 3180773 w 3429000"/>
              <a:gd name="connsiteY4" fmla="*/ 2916579 h 6545892"/>
              <a:gd name="connsiteX5" fmla="*/ 3333750 w 3429000"/>
              <a:gd name="connsiteY5" fmla="*/ 3936042 h 6545892"/>
              <a:gd name="connsiteX6" fmla="*/ 3429000 w 3429000"/>
              <a:gd name="connsiteY6" fmla="*/ 5117142 h 6545892"/>
              <a:gd name="connsiteX7" fmla="*/ 3417887 w 3429000"/>
              <a:gd name="connsiteY7" fmla="*/ 6545892 h 6545892"/>
              <a:gd name="connsiteX8" fmla="*/ 0 w 3429000"/>
              <a:gd name="connsiteY8" fmla="*/ 6533192 h 6545892"/>
              <a:gd name="connsiteX9" fmla="*/ 0 w 3429000"/>
              <a:gd name="connsiteY9" fmla="*/ 8567 h 6545892"/>
              <a:gd name="connsiteX0" fmla="*/ 0 w 3429000"/>
              <a:gd name="connsiteY0" fmla="*/ 8567 h 6545892"/>
              <a:gd name="connsiteX1" fmla="*/ 2574417 w 3429000"/>
              <a:gd name="connsiteY1" fmla="*/ 0 h 6545892"/>
              <a:gd name="connsiteX2" fmla="*/ 2946400 w 3429000"/>
              <a:gd name="connsiteY2" fmla="*/ 1904042 h 6545892"/>
              <a:gd name="connsiteX3" fmla="*/ 3180773 w 3429000"/>
              <a:gd name="connsiteY3" fmla="*/ 2916579 h 6545892"/>
              <a:gd name="connsiteX4" fmla="*/ 3333750 w 3429000"/>
              <a:gd name="connsiteY4" fmla="*/ 3936042 h 6545892"/>
              <a:gd name="connsiteX5" fmla="*/ 3429000 w 3429000"/>
              <a:gd name="connsiteY5" fmla="*/ 5117142 h 6545892"/>
              <a:gd name="connsiteX6" fmla="*/ 3417887 w 3429000"/>
              <a:gd name="connsiteY6" fmla="*/ 6545892 h 6545892"/>
              <a:gd name="connsiteX7" fmla="*/ 0 w 3429000"/>
              <a:gd name="connsiteY7" fmla="*/ 6533192 h 6545892"/>
              <a:gd name="connsiteX8" fmla="*/ 0 w 3429000"/>
              <a:gd name="connsiteY8" fmla="*/ 8567 h 6545892"/>
              <a:gd name="connsiteX0" fmla="*/ 0 w 3429000"/>
              <a:gd name="connsiteY0" fmla="*/ 8567 h 6545892"/>
              <a:gd name="connsiteX1" fmla="*/ 2574417 w 3429000"/>
              <a:gd name="connsiteY1" fmla="*/ 0 h 6545892"/>
              <a:gd name="connsiteX2" fmla="*/ 3180773 w 3429000"/>
              <a:gd name="connsiteY2" fmla="*/ 2916579 h 6545892"/>
              <a:gd name="connsiteX3" fmla="*/ 3333750 w 3429000"/>
              <a:gd name="connsiteY3" fmla="*/ 3936042 h 6545892"/>
              <a:gd name="connsiteX4" fmla="*/ 3429000 w 3429000"/>
              <a:gd name="connsiteY4" fmla="*/ 5117142 h 6545892"/>
              <a:gd name="connsiteX5" fmla="*/ 3417887 w 3429000"/>
              <a:gd name="connsiteY5" fmla="*/ 6545892 h 6545892"/>
              <a:gd name="connsiteX6" fmla="*/ 0 w 3429000"/>
              <a:gd name="connsiteY6" fmla="*/ 6533192 h 6545892"/>
              <a:gd name="connsiteX7" fmla="*/ 0 w 3429000"/>
              <a:gd name="connsiteY7" fmla="*/ 8567 h 6545892"/>
              <a:gd name="connsiteX0" fmla="*/ 0 w 3429000"/>
              <a:gd name="connsiteY0" fmla="*/ 8567 h 6545892"/>
              <a:gd name="connsiteX1" fmla="*/ 2574417 w 3429000"/>
              <a:gd name="connsiteY1" fmla="*/ 0 h 6545892"/>
              <a:gd name="connsiteX2" fmla="*/ 3180773 w 3429000"/>
              <a:gd name="connsiteY2" fmla="*/ 2916579 h 6545892"/>
              <a:gd name="connsiteX3" fmla="*/ 3429000 w 3429000"/>
              <a:gd name="connsiteY3" fmla="*/ 5117142 h 6545892"/>
              <a:gd name="connsiteX4" fmla="*/ 3417887 w 3429000"/>
              <a:gd name="connsiteY4" fmla="*/ 6545892 h 6545892"/>
              <a:gd name="connsiteX5" fmla="*/ 0 w 3429000"/>
              <a:gd name="connsiteY5" fmla="*/ 6533192 h 6545892"/>
              <a:gd name="connsiteX6" fmla="*/ 0 w 3429000"/>
              <a:gd name="connsiteY6" fmla="*/ 8567 h 6545892"/>
              <a:gd name="connsiteX0" fmla="*/ 0 w 3627316"/>
              <a:gd name="connsiteY0" fmla="*/ 8567 h 6545892"/>
              <a:gd name="connsiteX1" fmla="*/ 2574417 w 3627316"/>
              <a:gd name="connsiteY1" fmla="*/ 0 h 6545892"/>
              <a:gd name="connsiteX2" fmla="*/ 3180773 w 3627316"/>
              <a:gd name="connsiteY2" fmla="*/ 2916579 h 6545892"/>
              <a:gd name="connsiteX3" fmla="*/ 3417887 w 3627316"/>
              <a:gd name="connsiteY3" fmla="*/ 6545892 h 6545892"/>
              <a:gd name="connsiteX4" fmla="*/ 0 w 3627316"/>
              <a:gd name="connsiteY4" fmla="*/ 6533192 h 6545892"/>
              <a:gd name="connsiteX5" fmla="*/ 0 w 3627316"/>
              <a:gd name="connsiteY5" fmla="*/ 8567 h 6545892"/>
              <a:gd name="connsiteX0" fmla="*/ 0 w 3627316"/>
              <a:gd name="connsiteY0" fmla="*/ 18294 h 6555619"/>
              <a:gd name="connsiteX1" fmla="*/ 2530642 w 3627316"/>
              <a:gd name="connsiteY1" fmla="*/ 0 h 6555619"/>
              <a:gd name="connsiteX2" fmla="*/ 3180773 w 3627316"/>
              <a:gd name="connsiteY2" fmla="*/ 2926306 h 6555619"/>
              <a:gd name="connsiteX3" fmla="*/ 3417887 w 3627316"/>
              <a:gd name="connsiteY3" fmla="*/ 6555619 h 6555619"/>
              <a:gd name="connsiteX4" fmla="*/ 0 w 3627316"/>
              <a:gd name="connsiteY4" fmla="*/ 6542919 h 6555619"/>
              <a:gd name="connsiteX5" fmla="*/ 0 w 3627316"/>
              <a:gd name="connsiteY5" fmla="*/ 18294 h 6555619"/>
              <a:gd name="connsiteX0" fmla="*/ 0 w 3627316"/>
              <a:gd name="connsiteY0" fmla="*/ 3702 h 6541027"/>
              <a:gd name="connsiteX1" fmla="*/ 2506323 w 3627316"/>
              <a:gd name="connsiteY1" fmla="*/ 0 h 6541027"/>
              <a:gd name="connsiteX2" fmla="*/ 3180773 w 3627316"/>
              <a:gd name="connsiteY2" fmla="*/ 2911714 h 6541027"/>
              <a:gd name="connsiteX3" fmla="*/ 3417887 w 3627316"/>
              <a:gd name="connsiteY3" fmla="*/ 6541027 h 6541027"/>
              <a:gd name="connsiteX4" fmla="*/ 0 w 3627316"/>
              <a:gd name="connsiteY4" fmla="*/ 6528327 h 6541027"/>
              <a:gd name="connsiteX5" fmla="*/ 0 w 3627316"/>
              <a:gd name="connsiteY5" fmla="*/ 3702 h 6541027"/>
              <a:gd name="connsiteX0" fmla="*/ 0 w 3627316"/>
              <a:gd name="connsiteY0" fmla="*/ 0 h 6542189"/>
              <a:gd name="connsiteX1" fmla="*/ 2506323 w 3627316"/>
              <a:gd name="connsiteY1" fmla="*/ 1162 h 6542189"/>
              <a:gd name="connsiteX2" fmla="*/ 3180773 w 3627316"/>
              <a:gd name="connsiteY2" fmla="*/ 2912876 h 6542189"/>
              <a:gd name="connsiteX3" fmla="*/ 3417887 w 3627316"/>
              <a:gd name="connsiteY3" fmla="*/ 6542189 h 6542189"/>
              <a:gd name="connsiteX4" fmla="*/ 0 w 3627316"/>
              <a:gd name="connsiteY4" fmla="*/ 6529489 h 6542189"/>
              <a:gd name="connsiteX5" fmla="*/ 0 w 3627316"/>
              <a:gd name="connsiteY5" fmla="*/ 0 h 6542189"/>
              <a:gd name="connsiteX0" fmla="*/ 0 w 3627316"/>
              <a:gd name="connsiteY0" fmla="*/ 0 h 6547053"/>
              <a:gd name="connsiteX1" fmla="*/ 2506323 w 3627316"/>
              <a:gd name="connsiteY1" fmla="*/ 6026 h 6547053"/>
              <a:gd name="connsiteX2" fmla="*/ 3180773 w 3627316"/>
              <a:gd name="connsiteY2" fmla="*/ 2917740 h 6547053"/>
              <a:gd name="connsiteX3" fmla="*/ 3417887 w 3627316"/>
              <a:gd name="connsiteY3" fmla="*/ 6547053 h 6547053"/>
              <a:gd name="connsiteX4" fmla="*/ 0 w 3627316"/>
              <a:gd name="connsiteY4" fmla="*/ 6534353 h 6547053"/>
              <a:gd name="connsiteX5" fmla="*/ 0 w 3627316"/>
              <a:gd name="connsiteY5" fmla="*/ 0 h 6547053"/>
              <a:gd name="connsiteX0" fmla="*/ 0 w 3627316"/>
              <a:gd name="connsiteY0" fmla="*/ 0 h 6547053"/>
              <a:gd name="connsiteX1" fmla="*/ 2501459 w 3627316"/>
              <a:gd name="connsiteY1" fmla="*/ 1162 h 6547053"/>
              <a:gd name="connsiteX2" fmla="*/ 3180773 w 3627316"/>
              <a:gd name="connsiteY2" fmla="*/ 2917740 h 6547053"/>
              <a:gd name="connsiteX3" fmla="*/ 3417887 w 3627316"/>
              <a:gd name="connsiteY3" fmla="*/ 6547053 h 6547053"/>
              <a:gd name="connsiteX4" fmla="*/ 0 w 3627316"/>
              <a:gd name="connsiteY4" fmla="*/ 6534353 h 6547053"/>
              <a:gd name="connsiteX5" fmla="*/ 0 w 3627316"/>
              <a:gd name="connsiteY5" fmla="*/ 0 h 6547053"/>
              <a:gd name="connsiteX0" fmla="*/ 0 w 3627316"/>
              <a:gd name="connsiteY0" fmla="*/ 0 h 6547053"/>
              <a:gd name="connsiteX1" fmla="*/ 2501459 w 3627316"/>
              <a:gd name="connsiteY1" fmla="*/ 1162 h 6547053"/>
              <a:gd name="connsiteX2" fmla="*/ 3180773 w 3627316"/>
              <a:gd name="connsiteY2" fmla="*/ 2917740 h 6547053"/>
              <a:gd name="connsiteX3" fmla="*/ 3417887 w 3627316"/>
              <a:gd name="connsiteY3" fmla="*/ 6547053 h 6547053"/>
              <a:gd name="connsiteX4" fmla="*/ 0 w 3627316"/>
              <a:gd name="connsiteY4" fmla="*/ 6534353 h 6547053"/>
              <a:gd name="connsiteX5" fmla="*/ 0 w 3627316"/>
              <a:gd name="connsiteY5" fmla="*/ 0 h 6547053"/>
              <a:gd name="connsiteX0" fmla="*/ 0 w 3640813"/>
              <a:gd name="connsiteY0" fmla="*/ 0 h 6547053"/>
              <a:gd name="connsiteX1" fmla="*/ 2501459 w 3640813"/>
              <a:gd name="connsiteY1" fmla="*/ 1162 h 6547053"/>
              <a:gd name="connsiteX2" fmla="*/ 3244003 w 3640813"/>
              <a:gd name="connsiteY2" fmla="*/ 2922604 h 6547053"/>
              <a:gd name="connsiteX3" fmla="*/ 3417887 w 3640813"/>
              <a:gd name="connsiteY3" fmla="*/ 6547053 h 6547053"/>
              <a:gd name="connsiteX4" fmla="*/ 0 w 3640813"/>
              <a:gd name="connsiteY4" fmla="*/ 6534353 h 6547053"/>
              <a:gd name="connsiteX5" fmla="*/ 0 w 3640813"/>
              <a:gd name="connsiteY5" fmla="*/ 0 h 6547053"/>
              <a:gd name="connsiteX0" fmla="*/ 0 w 3640813"/>
              <a:gd name="connsiteY0" fmla="*/ 0 h 6547053"/>
              <a:gd name="connsiteX1" fmla="*/ 2501459 w 3640813"/>
              <a:gd name="connsiteY1" fmla="*/ 1162 h 6547053"/>
              <a:gd name="connsiteX2" fmla="*/ 3244003 w 3640813"/>
              <a:gd name="connsiteY2" fmla="*/ 2922604 h 6547053"/>
              <a:gd name="connsiteX3" fmla="*/ 3417887 w 3640813"/>
              <a:gd name="connsiteY3" fmla="*/ 6547053 h 6547053"/>
              <a:gd name="connsiteX4" fmla="*/ 0 w 3640813"/>
              <a:gd name="connsiteY4" fmla="*/ 6534353 h 6547053"/>
              <a:gd name="connsiteX5" fmla="*/ 0 w 3640813"/>
              <a:gd name="connsiteY5" fmla="*/ 0 h 6547053"/>
              <a:gd name="connsiteX0" fmla="*/ 0 w 3640813"/>
              <a:gd name="connsiteY0" fmla="*/ 0 h 6547053"/>
              <a:gd name="connsiteX1" fmla="*/ 2511186 w 3640813"/>
              <a:gd name="connsiteY1" fmla="*/ 1162 h 6547053"/>
              <a:gd name="connsiteX2" fmla="*/ 3244003 w 3640813"/>
              <a:gd name="connsiteY2" fmla="*/ 2922604 h 6547053"/>
              <a:gd name="connsiteX3" fmla="*/ 3417887 w 3640813"/>
              <a:gd name="connsiteY3" fmla="*/ 6547053 h 6547053"/>
              <a:gd name="connsiteX4" fmla="*/ 0 w 3640813"/>
              <a:gd name="connsiteY4" fmla="*/ 6534353 h 6547053"/>
              <a:gd name="connsiteX5" fmla="*/ 0 w 3640813"/>
              <a:gd name="connsiteY5" fmla="*/ 0 h 6547053"/>
              <a:gd name="connsiteX0" fmla="*/ 0 w 3640813"/>
              <a:gd name="connsiteY0" fmla="*/ 0 h 6547053"/>
              <a:gd name="connsiteX1" fmla="*/ 2511186 w 3640813"/>
              <a:gd name="connsiteY1" fmla="*/ 1162 h 6547053"/>
              <a:gd name="connsiteX2" fmla="*/ 3244003 w 3640813"/>
              <a:gd name="connsiteY2" fmla="*/ 2922604 h 6547053"/>
              <a:gd name="connsiteX3" fmla="*/ 3417887 w 3640813"/>
              <a:gd name="connsiteY3" fmla="*/ 6547053 h 6547053"/>
              <a:gd name="connsiteX4" fmla="*/ 0 w 3640813"/>
              <a:gd name="connsiteY4" fmla="*/ 6534353 h 6547053"/>
              <a:gd name="connsiteX5" fmla="*/ 0 w 3640813"/>
              <a:gd name="connsiteY5" fmla="*/ 0 h 6547053"/>
              <a:gd name="connsiteX0" fmla="*/ 0 w 3526528"/>
              <a:gd name="connsiteY0" fmla="*/ 0 h 6534353"/>
              <a:gd name="connsiteX1" fmla="*/ 2511186 w 3526528"/>
              <a:gd name="connsiteY1" fmla="*/ 1162 h 6534353"/>
              <a:gd name="connsiteX2" fmla="*/ 3244003 w 3526528"/>
              <a:gd name="connsiteY2" fmla="*/ 2922604 h 6534353"/>
              <a:gd name="connsiteX3" fmla="*/ 3262244 w 3526528"/>
              <a:gd name="connsiteY3" fmla="*/ 6532462 h 6534353"/>
              <a:gd name="connsiteX4" fmla="*/ 0 w 3526528"/>
              <a:gd name="connsiteY4" fmla="*/ 6534353 h 6534353"/>
              <a:gd name="connsiteX5" fmla="*/ 0 w 3526528"/>
              <a:gd name="connsiteY5" fmla="*/ 0 h 6534353"/>
              <a:gd name="connsiteX0" fmla="*/ 0 w 3374966"/>
              <a:gd name="connsiteY0" fmla="*/ 0 h 6534353"/>
              <a:gd name="connsiteX1" fmla="*/ 2511186 w 3374966"/>
              <a:gd name="connsiteY1" fmla="*/ 1162 h 6534353"/>
              <a:gd name="connsiteX2" fmla="*/ 3244003 w 3374966"/>
              <a:gd name="connsiteY2" fmla="*/ 2922604 h 6534353"/>
              <a:gd name="connsiteX3" fmla="*/ 3262244 w 3374966"/>
              <a:gd name="connsiteY3" fmla="*/ 6532462 h 6534353"/>
              <a:gd name="connsiteX4" fmla="*/ 0 w 3374966"/>
              <a:gd name="connsiteY4" fmla="*/ 6534353 h 6534353"/>
              <a:gd name="connsiteX5" fmla="*/ 0 w 3374966"/>
              <a:gd name="connsiteY5" fmla="*/ 0 h 6534353"/>
              <a:gd name="connsiteX0" fmla="*/ 0 w 3372142"/>
              <a:gd name="connsiteY0" fmla="*/ 0 h 6534353"/>
              <a:gd name="connsiteX1" fmla="*/ 2511186 w 3372142"/>
              <a:gd name="connsiteY1" fmla="*/ 1162 h 6534353"/>
              <a:gd name="connsiteX2" fmla="*/ 3244003 w 3372142"/>
              <a:gd name="connsiteY2" fmla="*/ 2922604 h 6534353"/>
              <a:gd name="connsiteX3" fmla="*/ 3257380 w 3372142"/>
              <a:gd name="connsiteY3" fmla="*/ 6532462 h 6534353"/>
              <a:gd name="connsiteX4" fmla="*/ 0 w 3372142"/>
              <a:gd name="connsiteY4" fmla="*/ 6534353 h 6534353"/>
              <a:gd name="connsiteX5" fmla="*/ 0 w 3372142"/>
              <a:gd name="connsiteY5" fmla="*/ 0 h 65343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372142" h="6534353">
                <a:moveTo>
                  <a:pt x="0" y="0"/>
                </a:moveTo>
                <a:lnTo>
                  <a:pt x="2511186" y="1162"/>
                </a:lnTo>
                <a:cubicBezTo>
                  <a:pt x="2978085" y="1113264"/>
                  <a:pt x="3093129" y="2003950"/>
                  <a:pt x="3244003" y="2922604"/>
                </a:cubicBezTo>
                <a:cubicBezTo>
                  <a:pt x="3384581" y="4013586"/>
                  <a:pt x="3437313" y="4937471"/>
                  <a:pt x="3257380" y="6532462"/>
                </a:cubicBezTo>
                <a:lnTo>
                  <a:pt x="0" y="6534353"/>
                </a:lnTo>
                <a:lnTo>
                  <a:pt x="0" y="0"/>
                </a:lnTo>
                <a:close/>
              </a:path>
            </a:pathLst>
          </a:custGeom>
          <a:solidFill>
            <a:srgbClr val="93A5B0"/>
          </a:solidFill>
          <a:ln>
            <a:noFill/>
          </a:ln>
        </p:spPr>
        <p:txBody>
          <a:bodyPr/>
          <a:lstStyle>
            <a:lvl1pPr marL="0" indent="0" algn="l">
              <a:buNone/>
              <a:defRPr sz="1600"/>
            </a:lvl1pPr>
          </a:lstStyle>
          <a:p>
            <a:r>
              <a:rPr lang="en-GB" dirty="0"/>
              <a:t>Insert image via Templafy pane </a:t>
            </a:r>
            <a:endParaRPr lang="en-GB"/>
          </a:p>
        </p:txBody>
      </p:sp>
      <p:sp>
        <p:nvSpPr>
          <p:cNvPr id="7" name="Rectangle 11">
            <a:extLst>
              <a:ext uri="{FF2B5EF4-FFF2-40B4-BE49-F238E27FC236}">
                <a16:creationId xmlns:a16="http://schemas.microsoft.com/office/drawing/2014/main" id="{89FF3D29-1DD0-49D6-AC13-2C29CFCD9BBC}"/>
              </a:ext>
            </a:extLst>
          </p:cNvPr>
          <p:cNvSpPr>
            <a:spLocks noGrp="1" noChangeArrowheads="1"/>
          </p:cNvSpPr>
          <p:nvPr>
            <p:ph type="sldNum" sz="quarter" idx="4"/>
          </p:nvPr>
        </p:nvSpPr>
        <p:spPr bwMode="auto">
          <a:xfrm>
            <a:off x="9299872" y="6377399"/>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defRPr sz="1050">
                <a:solidFill>
                  <a:schemeClr val="tx1"/>
                </a:solidFill>
              </a:defRPr>
            </a:lvl1pPr>
          </a:lstStyle>
          <a:p>
            <a:pPr>
              <a:defRPr/>
            </a:pPr>
            <a:fld id="{AA923FDD-4DD3-41BE-8EE6-C8ADE94079E1}" type="slidenum">
              <a:rPr lang="en-GB" smtClean="0"/>
              <a:pPr>
                <a:defRPr/>
              </a:pPr>
              <a:t>‹#›</a:t>
            </a:fld>
            <a:endParaRPr lang="en-GB" dirty="0"/>
          </a:p>
        </p:txBody>
      </p:sp>
      <p:sp>
        <p:nvSpPr>
          <p:cNvPr id="8" name="Rectangle 9">
            <a:extLst>
              <a:ext uri="{FF2B5EF4-FFF2-40B4-BE49-F238E27FC236}">
                <a16:creationId xmlns:a16="http://schemas.microsoft.com/office/drawing/2014/main" id="{F32129E3-1150-4880-9A05-4CC700C18AE1}"/>
              </a:ext>
            </a:extLst>
          </p:cNvPr>
          <p:cNvSpPr>
            <a:spLocks noGrp="1" noChangeArrowheads="1"/>
          </p:cNvSpPr>
          <p:nvPr>
            <p:ph type="title"/>
          </p:nvPr>
        </p:nvSpPr>
        <p:spPr bwMode="auto">
          <a:xfrm>
            <a:off x="3503712" y="326364"/>
            <a:ext cx="8280919"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Tree>
    <p:extLst>
      <p:ext uri="{BB962C8B-B14F-4D97-AF65-F5344CB8AC3E}">
        <p14:creationId xmlns:p14="http://schemas.microsoft.com/office/powerpoint/2010/main" val="102653284"/>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7_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a:xfrm>
            <a:off x="2423592" y="1340768"/>
            <a:ext cx="9361040" cy="5323969"/>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6" name="Picture Placeholder 6">
            <a:extLst>
              <a:ext uri="{FF2B5EF4-FFF2-40B4-BE49-F238E27FC236}">
                <a16:creationId xmlns:a16="http://schemas.microsoft.com/office/drawing/2014/main" id="{9E3289C3-A8B4-445C-B66A-B01B61B5574C}"/>
              </a:ext>
            </a:extLst>
          </p:cNvPr>
          <p:cNvSpPr>
            <a:spLocks noGrp="1"/>
          </p:cNvSpPr>
          <p:nvPr>
            <p:ph type="pic" sz="quarter" idx="11" hasCustomPrompt="1"/>
          </p:nvPr>
        </p:nvSpPr>
        <p:spPr bwMode="auto">
          <a:xfrm>
            <a:off x="0" y="333633"/>
            <a:ext cx="2289253" cy="6525909"/>
          </a:xfrm>
          <a:custGeom>
            <a:avLst/>
            <a:gdLst>
              <a:gd name="connsiteX0" fmla="*/ 0 w 2268537"/>
              <a:gd name="connsiteY0" fmla="*/ 0 h 6524625"/>
              <a:gd name="connsiteX1" fmla="*/ 1890440 w 2268537"/>
              <a:gd name="connsiteY1" fmla="*/ 0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2268537 w 2268537"/>
              <a:gd name="connsiteY2" fmla="*/ 378097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0 h 6524625"/>
              <a:gd name="connsiteX1" fmla="*/ 1216185 w 2268537"/>
              <a:gd name="connsiteY1" fmla="*/ 9237 h 6524625"/>
              <a:gd name="connsiteX2" fmla="*/ 1585047 w 2268537"/>
              <a:gd name="connsiteY2" fmla="*/ 1070824 h 6524625"/>
              <a:gd name="connsiteX3" fmla="*/ 2268537 w 2268537"/>
              <a:gd name="connsiteY3" fmla="*/ 6524625 h 6524625"/>
              <a:gd name="connsiteX4" fmla="*/ 0 w 2268537"/>
              <a:gd name="connsiteY4" fmla="*/ 6524625 h 6524625"/>
              <a:gd name="connsiteX5" fmla="*/ 0 w 2268537"/>
              <a:gd name="connsiteY5" fmla="*/ 0 h 6524625"/>
              <a:gd name="connsiteX0" fmla="*/ 0 w 2268537"/>
              <a:gd name="connsiteY0" fmla="*/ 9236 h 6533861"/>
              <a:gd name="connsiteX1" fmla="*/ 1216185 w 2268537"/>
              <a:gd name="connsiteY1" fmla="*/ 0 h 6533861"/>
              <a:gd name="connsiteX2" fmla="*/ 1585047 w 2268537"/>
              <a:gd name="connsiteY2" fmla="*/ 1080060 h 6533861"/>
              <a:gd name="connsiteX3" fmla="*/ 2268537 w 2268537"/>
              <a:gd name="connsiteY3" fmla="*/ 6533861 h 6533861"/>
              <a:gd name="connsiteX4" fmla="*/ 0 w 2268537"/>
              <a:gd name="connsiteY4" fmla="*/ 6533861 h 6533861"/>
              <a:gd name="connsiteX5" fmla="*/ 0 w 2268537"/>
              <a:gd name="connsiteY5" fmla="*/ 9236 h 6533861"/>
              <a:gd name="connsiteX0" fmla="*/ 0 w 2243137"/>
              <a:gd name="connsiteY0" fmla="*/ 9236 h 6533861"/>
              <a:gd name="connsiteX1" fmla="*/ 1216185 w 2243137"/>
              <a:gd name="connsiteY1" fmla="*/ 0 h 6533861"/>
              <a:gd name="connsiteX2" fmla="*/ 1585047 w 2243137"/>
              <a:gd name="connsiteY2" fmla="*/ 1080060 h 6533861"/>
              <a:gd name="connsiteX3" fmla="*/ 2243137 w 2243137"/>
              <a:gd name="connsiteY3" fmla="*/ 6533861 h 6533861"/>
              <a:gd name="connsiteX4" fmla="*/ 0 w 2243137"/>
              <a:gd name="connsiteY4" fmla="*/ 6533861 h 6533861"/>
              <a:gd name="connsiteX5" fmla="*/ 0 w 2243137"/>
              <a:gd name="connsiteY5"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60600 w 2260600"/>
              <a:gd name="connsiteY3" fmla="*/ 5587711 h 6533861"/>
              <a:gd name="connsiteX4" fmla="*/ 2243137 w 2260600"/>
              <a:gd name="connsiteY4" fmla="*/ 6533861 h 6533861"/>
              <a:gd name="connsiteX5" fmla="*/ 0 w 2260600"/>
              <a:gd name="connsiteY5" fmla="*/ 6533861 h 6533861"/>
              <a:gd name="connsiteX6" fmla="*/ 0 w 2260600"/>
              <a:gd name="connsiteY6" fmla="*/ 9236 h 6533861"/>
              <a:gd name="connsiteX0" fmla="*/ 0 w 2270649"/>
              <a:gd name="connsiteY0" fmla="*/ 9236 h 6533861"/>
              <a:gd name="connsiteX1" fmla="*/ 1216185 w 2270649"/>
              <a:gd name="connsiteY1" fmla="*/ 0 h 6533861"/>
              <a:gd name="connsiteX2" fmla="*/ 1585047 w 2270649"/>
              <a:gd name="connsiteY2" fmla="*/ 1080060 h 6533861"/>
              <a:gd name="connsiteX3" fmla="*/ 2209800 w 2270649"/>
              <a:gd name="connsiteY3" fmla="*/ 4463761 h 6533861"/>
              <a:gd name="connsiteX4" fmla="*/ 2260600 w 2270649"/>
              <a:gd name="connsiteY4" fmla="*/ 5587711 h 6533861"/>
              <a:gd name="connsiteX5" fmla="*/ 2243137 w 2270649"/>
              <a:gd name="connsiteY5" fmla="*/ 6533861 h 6533861"/>
              <a:gd name="connsiteX6" fmla="*/ 0 w 2270649"/>
              <a:gd name="connsiteY6" fmla="*/ 6533861 h 6533861"/>
              <a:gd name="connsiteX7" fmla="*/ 0 w 2270649"/>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098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73405"/>
              <a:gd name="connsiteY0" fmla="*/ 9236 h 6533861"/>
              <a:gd name="connsiteX1" fmla="*/ 1216185 w 2273405"/>
              <a:gd name="connsiteY1" fmla="*/ 0 h 6533861"/>
              <a:gd name="connsiteX2" fmla="*/ 1585047 w 2273405"/>
              <a:gd name="connsiteY2" fmla="*/ 1080060 h 6533861"/>
              <a:gd name="connsiteX3" fmla="*/ 2235200 w 2273405"/>
              <a:gd name="connsiteY3" fmla="*/ 4463761 h 6533861"/>
              <a:gd name="connsiteX4" fmla="*/ 2260600 w 2273405"/>
              <a:gd name="connsiteY4" fmla="*/ 5587711 h 6533861"/>
              <a:gd name="connsiteX5" fmla="*/ 2243137 w 2273405"/>
              <a:gd name="connsiteY5" fmla="*/ 6533861 h 6533861"/>
              <a:gd name="connsiteX6" fmla="*/ 0 w 2273405"/>
              <a:gd name="connsiteY6" fmla="*/ 6533861 h 6533861"/>
              <a:gd name="connsiteX7" fmla="*/ 0 w 2273405"/>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235200 w 2260600"/>
              <a:gd name="connsiteY3" fmla="*/ 4463761 h 6533861"/>
              <a:gd name="connsiteX4" fmla="*/ 2260600 w 2260600"/>
              <a:gd name="connsiteY4" fmla="*/ 5587711 h 6533861"/>
              <a:gd name="connsiteX5" fmla="*/ 2243137 w 2260600"/>
              <a:gd name="connsiteY5" fmla="*/ 6533861 h 6533861"/>
              <a:gd name="connsiteX6" fmla="*/ 0 w 2260600"/>
              <a:gd name="connsiteY6" fmla="*/ 6533861 h 6533861"/>
              <a:gd name="connsiteX7" fmla="*/ 0 w 2260600"/>
              <a:gd name="connsiteY7"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2095500 w 2260600"/>
              <a:gd name="connsiteY3" fmla="*/ 3454111 h 6533861"/>
              <a:gd name="connsiteX4" fmla="*/ 2235200 w 2260600"/>
              <a:gd name="connsiteY4" fmla="*/ 4463761 h 6533861"/>
              <a:gd name="connsiteX5" fmla="*/ 2260600 w 2260600"/>
              <a:gd name="connsiteY5" fmla="*/ 5587711 h 6533861"/>
              <a:gd name="connsiteX6" fmla="*/ 2243137 w 2260600"/>
              <a:gd name="connsiteY6" fmla="*/ 6533861 h 6533861"/>
              <a:gd name="connsiteX7" fmla="*/ 0 w 2260600"/>
              <a:gd name="connsiteY7" fmla="*/ 6533861 h 6533861"/>
              <a:gd name="connsiteX8" fmla="*/ 0 w 2260600"/>
              <a:gd name="connsiteY8"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1898650 w 2260600"/>
              <a:gd name="connsiteY3" fmla="*/ 2279361 h 6533861"/>
              <a:gd name="connsiteX4" fmla="*/ 2095500 w 2260600"/>
              <a:gd name="connsiteY4" fmla="*/ 3454111 h 6533861"/>
              <a:gd name="connsiteX5" fmla="*/ 2235200 w 2260600"/>
              <a:gd name="connsiteY5" fmla="*/ 4463761 h 6533861"/>
              <a:gd name="connsiteX6" fmla="*/ 2260600 w 2260600"/>
              <a:gd name="connsiteY6" fmla="*/ 5587711 h 6533861"/>
              <a:gd name="connsiteX7" fmla="*/ 2243137 w 2260600"/>
              <a:gd name="connsiteY7" fmla="*/ 6533861 h 6533861"/>
              <a:gd name="connsiteX8" fmla="*/ 0 w 2260600"/>
              <a:gd name="connsiteY8" fmla="*/ 6533861 h 6533861"/>
              <a:gd name="connsiteX9" fmla="*/ 0 w 2260600"/>
              <a:gd name="connsiteY9" fmla="*/ 9236 h 6533861"/>
              <a:gd name="connsiteX0" fmla="*/ 0 w 2260600"/>
              <a:gd name="connsiteY0" fmla="*/ 9236 h 6533861"/>
              <a:gd name="connsiteX1" fmla="*/ 1216185 w 2260600"/>
              <a:gd name="connsiteY1" fmla="*/ 0 h 6533861"/>
              <a:gd name="connsiteX2" fmla="*/ 1585047 w 2260600"/>
              <a:gd name="connsiteY2" fmla="*/ 1080060 h 6533861"/>
              <a:gd name="connsiteX3" fmla="*/ 1898650 w 2260600"/>
              <a:gd name="connsiteY3" fmla="*/ 2279361 h 6533861"/>
              <a:gd name="connsiteX4" fmla="*/ 2095500 w 2260600"/>
              <a:gd name="connsiteY4" fmla="*/ 3315566 h 6533861"/>
              <a:gd name="connsiteX5" fmla="*/ 2235200 w 2260600"/>
              <a:gd name="connsiteY5" fmla="*/ 4463761 h 6533861"/>
              <a:gd name="connsiteX6" fmla="*/ 2260600 w 2260600"/>
              <a:gd name="connsiteY6" fmla="*/ 5587711 h 6533861"/>
              <a:gd name="connsiteX7" fmla="*/ 2243137 w 2260600"/>
              <a:gd name="connsiteY7" fmla="*/ 6533861 h 6533861"/>
              <a:gd name="connsiteX8" fmla="*/ 0 w 2260600"/>
              <a:gd name="connsiteY8" fmla="*/ 6533861 h 6533861"/>
              <a:gd name="connsiteX9" fmla="*/ 0 w 2260600"/>
              <a:gd name="connsiteY9" fmla="*/ 9236 h 6533861"/>
              <a:gd name="connsiteX0" fmla="*/ 0 w 2260600"/>
              <a:gd name="connsiteY0" fmla="*/ 0 h 6524625"/>
              <a:gd name="connsiteX1" fmla="*/ 1343405 w 2260600"/>
              <a:gd name="connsiteY1" fmla="*/ 6667 h 6524625"/>
              <a:gd name="connsiteX2" fmla="*/ 1585047 w 2260600"/>
              <a:gd name="connsiteY2" fmla="*/ 1070824 h 6524625"/>
              <a:gd name="connsiteX3" fmla="*/ 1898650 w 2260600"/>
              <a:gd name="connsiteY3" fmla="*/ 2270125 h 6524625"/>
              <a:gd name="connsiteX4" fmla="*/ 2095500 w 2260600"/>
              <a:gd name="connsiteY4" fmla="*/ 3306330 h 6524625"/>
              <a:gd name="connsiteX5" fmla="*/ 2235200 w 2260600"/>
              <a:gd name="connsiteY5" fmla="*/ 4454525 h 6524625"/>
              <a:gd name="connsiteX6" fmla="*/ 2260600 w 2260600"/>
              <a:gd name="connsiteY6" fmla="*/ 5578475 h 6524625"/>
              <a:gd name="connsiteX7" fmla="*/ 2243137 w 2260600"/>
              <a:gd name="connsiteY7" fmla="*/ 6524625 h 6524625"/>
              <a:gd name="connsiteX8" fmla="*/ 0 w 2260600"/>
              <a:gd name="connsiteY8" fmla="*/ 6524625 h 6524625"/>
              <a:gd name="connsiteX9" fmla="*/ 0 w 2260600"/>
              <a:gd name="connsiteY9" fmla="*/ 0 h 6524625"/>
              <a:gd name="connsiteX0" fmla="*/ 0 w 2260600"/>
              <a:gd name="connsiteY0" fmla="*/ 0 h 6524625"/>
              <a:gd name="connsiteX1" fmla="*/ 1343405 w 2260600"/>
              <a:gd name="connsiteY1" fmla="*/ 6667 h 6524625"/>
              <a:gd name="connsiteX2" fmla="*/ 1898650 w 2260600"/>
              <a:gd name="connsiteY2" fmla="*/ 2270125 h 6524625"/>
              <a:gd name="connsiteX3" fmla="*/ 2095500 w 2260600"/>
              <a:gd name="connsiteY3" fmla="*/ 3306330 h 6524625"/>
              <a:gd name="connsiteX4" fmla="*/ 2235200 w 2260600"/>
              <a:gd name="connsiteY4" fmla="*/ 4454525 h 6524625"/>
              <a:gd name="connsiteX5" fmla="*/ 2260600 w 2260600"/>
              <a:gd name="connsiteY5" fmla="*/ 5578475 h 6524625"/>
              <a:gd name="connsiteX6" fmla="*/ 2243137 w 2260600"/>
              <a:gd name="connsiteY6" fmla="*/ 6524625 h 6524625"/>
              <a:gd name="connsiteX7" fmla="*/ 0 w 2260600"/>
              <a:gd name="connsiteY7" fmla="*/ 6524625 h 6524625"/>
              <a:gd name="connsiteX8" fmla="*/ 0 w 2260600"/>
              <a:gd name="connsiteY8" fmla="*/ 0 h 6524625"/>
              <a:gd name="connsiteX0" fmla="*/ 0 w 2260600"/>
              <a:gd name="connsiteY0" fmla="*/ 0 h 6524625"/>
              <a:gd name="connsiteX1" fmla="*/ 1343405 w 2260600"/>
              <a:gd name="connsiteY1" fmla="*/ 6667 h 6524625"/>
              <a:gd name="connsiteX2" fmla="*/ 2095500 w 2260600"/>
              <a:gd name="connsiteY2" fmla="*/ 3306330 h 6524625"/>
              <a:gd name="connsiteX3" fmla="*/ 2235200 w 2260600"/>
              <a:gd name="connsiteY3" fmla="*/ 4454525 h 6524625"/>
              <a:gd name="connsiteX4" fmla="*/ 2260600 w 2260600"/>
              <a:gd name="connsiteY4" fmla="*/ 5578475 h 6524625"/>
              <a:gd name="connsiteX5" fmla="*/ 2243137 w 2260600"/>
              <a:gd name="connsiteY5" fmla="*/ 6524625 h 6524625"/>
              <a:gd name="connsiteX6" fmla="*/ 0 w 2260600"/>
              <a:gd name="connsiteY6" fmla="*/ 6524625 h 6524625"/>
              <a:gd name="connsiteX7" fmla="*/ 0 w 2260600"/>
              <a:gd name="connsiteY7" fmla="*/ 0 h 6524625"/>
              <a:gd name="connsiteX0" fmla="*/ 0 w 2260600"/>
              <a:gd name="connsiteY0" fmla="*/ 0 h 6524625"/>
              <a:gd name="connsiteX1" fmla="*/ 1343405 w 2260600"/>
              <a:gd name="connsiteY1" fmla="*/ 6667 h 6524625"/>
              <a:gd name="connsiteX2" fmla="*/ 2235200 w 2260600"/>
              <a:gd name="connsiteY2" fmla="*/ 4454525 h 6524625"/>
              <a:gd name="connsiteX3" fmla="*/ 2260600 w 2260600"/>
              <a:gd name="connsiteY3" fmla="*/ 5578475 h 6524625"/>
              <a:gd name="connsiteX4" fmla="*/ 2243137 w 2260600"/>
              <a:gd name="connsiteY4" fmla="*/ 6524625 h 6524625"/>
              <a:gd name="connsiteX5" fmla="*/ 0 w 2260600"/>
              <a:gd name="connsiteY5" fmla="*/ 6524625 h 6524625"/>
              <a:gd name="connsiteX6" fmla="*/ 0 w 2260600"/>
              <a:gd name="connsiteY6" fmla="*/ 0 h 6524625"/>
              <a:gd name="connsiteX0" fmla="*/ 0 w 2316768"/>
              <a:gd name="connsiteY0" fmla="*/ 0 h 6524625"/>
              <a:gd name="connsiteX1" fmla="*/ 1343405 w 2316768"/>
              <a:gd name="connsiteY1" fmla="*/ 6667 h 6524625"/>
              <a:gd name="connsiteX2" fmla="*/ 2306762 w 2316768"/>
              <a:gd name="connsiteY2" fmla="*/ 4454525 h 6524625"/>
              <a:gd name="connsiteX3" fmla="*/ 2260600 w 2316768"/>
              <a:gd name="connsiteY3" fmla="*/ 5578475 h 6524625"/>
              <a:gd name="connsiteX4" fmla="*/ 2243137 w 2316768"/>
              <a:gd name="connsiteY4" fmla="*/ 6524625 h 6524625"/>
              <a:gd name="connsiteX5" fmla="*/ 0 w 2316768"/>
              <a:gd name="connsiteY5" fmla="*/ 6524625 h 6524625"/>
              <a:gd name="connsiteX6" fmla="*/ 0 w 2316768"/>
              <a:gd name="connsiteY6" fmla="*/ 0 h 6524625"/>
              <a:gd name="connsiteX0" fmla="*/ 0 w 2316768"/>
              <a:gd name="connsiteY0" fmla="*/ 0 h 6524625"/>
              <a:gd name="connsiteX1" fmla="*/ 1343405 w 2316768"/>
              <a:gd name="connsiteY1" fmla="*/ 6667 h 6524625"/>
              <a:gd name="connsiteX2" fmla="*/ 2306762 w 2316768"/>
              <a:gd name="connsiteY2" fmla="*/ 4454525 h 6524625"/>
              <a:gd name="connsiteX3" fmla="*/ 2260600 w 2316768"/>
              <a:gd name="connsiteY3" fmla="*/ 5578475 h 6524625"/>
              <a:gd name="connsiteX4" fmla="*/ 2243137 w 2316768"/>
              <a:gd name="connsiteY4" fmla="*/ 6524625 h 6524625"/>
              <a:gd name="connsiteX5" fmla="*/ 0 w 2316768"/>
              <a:gd name="connsiteY5" fmla="*/ 6524625 h 6524625"/>
              <a:gd name="connsiteX6" fmla="*/ 0 w 2316768"/>
              <a:gd name="connsiteY6" fmla="*/ 0 h 6524625"/>
              <a:gd name="connsiteX0" fmla="*/ 0 w 2316768"/>
              <a:gd name="connsiteY0" fmla="*/ 0 h 6524625"/>
              <a:gd name="connsiteX1" fmla="*/ 1343405 w 2316768"/>
              <a:gd name="connsiteY1" fmla="*/ 6667 h 6524625"/>
              <a:gd name="connsiteX2" fmla="*/ 2306762 w 2316768"/>
              <a:gd name="connsiteY2" fmla="*/ 4454525 h 6524625"/>
              <a:gd name="connsiteX3" fmla="*/ 2260600 w 2316768"/>
              <a:gd name="connsiteY3" fmla="*/ 5578475 h 6524625"/>
              <a:gd name="connsiteX4" fmla="*/ 2243137 w 2316768"/>
              <a:gd name="connsiteY4" fmla="*/ 6524625 h 6524625"/>
              <a:gd name="connsiteX5" fmla="*/ 0 w 2316768"/>
              <a:gd name="connsiteY5" fmla="*/ 6524625 h 6524625"/>
              <a:gd name="connsiteX6" fmla="*/ 0 w 2316768"/>
              <a:gd name="connsiteY6" fmla="*/ 0 h 6524625"/>
              <a:gd name="connsiteX0" fmla="*/ 0 w 2316768"/>
              <a:gd name="connsiteY0" fmla="*/ 0 h 6524625"/>
              <a:gd name="connsiteX1" fmla="*/ 1343405 w 2316768"/>
              <a:gd name="connsiteY1" fmla="*/ 6667 h 6524625"/>
              <a:gd name="connsiteX2" fmla="*/ 2306762 w 2316768"/>
              <a:gd name="connsiteY2" fmla="*/ 4454525 h 6524625"/>
              <a:gd name="connsiteX3" fmla="*/ 2260600 w 2316768"/>
              <a:gd name="connsiteY3" fmla="*/ 5578475 h 6524625"/>
              <a:gd name="connsiteX4" fmla="*/ 2243137 w 2316768"/>
              <a:gd name="connsiteY4" fmla="*/ 6524625 h 6524625"/>
              <a:gd name="connsiteX5" fmla="*/ 0 w 2316768"/>
              <a:gd name="connsiteY5" fmla="*/ 6524625 h 6524625"/>
              <a:gd name="connsiteX6" fmla="*/ 0 w 2316768"/>
              <a:gd name="connsiteY6" fmla="*/ 0 h 6524625"/>
              <a:gd name="connsiteX0" fmla="*/ 0 w 2477305"/>
              <a:gd name="connsiteY0" fmla="*/ 0 h 6524625"/>
              <a:gd name="connsiteX1" fmla="*/ 1343405 w 2477305"/>
              <a:gd name="connsiteY1" fmla="*/ 6667 h 6524625"/>
              <a:gd name="connsiteX2" fmla="*/ 2306762 w 2477305"/>
              <a:gd name="connsiteY2" fmla="*/ 4454525 h 6524625"/>
              <a:gd name="connsiteX3" fmla="*/ 2243137 w 2477305"/>
              <a:gd name="connsiteY3" fmla="*/ 6524625 h 6524625"/>
              <a:gd name="connsiteX4" fmla="*/ 0 w 2477305"/>
              <a:gd name="connsiteY4" fmla="*/ 6524625 h 6524625"/>
              <a:gd name="connsiteX5" fmla="*/ 0 w 2477305"/>
              <a:gd name="connsiteY5" fmla="*/ 0 h 6524625"/>
              <a:gd name="connsiteX0" fmla="*/ 0 w 2451525"/>
              <a:gd name="connsiteY0" fmla="*/ 0 h 6524625"/>
              <a:gd name="connsiteX1" fmla="*/ 1343405 w 2451525"/>
              <a:gd name="connsiteY1" fmla="*/ 6667 h 6524625"/>
              <a:gd name="connsiteX2" fmla="*/ 2306762 w 2451525"/>
              <a:gd name="connsiteY2" fmla="*/ 4454525 h 6524625"/>
              <a:gd name="connsiteX3" fmla="*/ 2195429 w 2451525"/>
              <a:gd name="connsiteY3" fmla="*/ 6524625 h 6524625"/>
              <a:gd name="connsiteX4" fmla="*/ 0 w 2451525"/>
              <a:gd name="connsiteY4" fmla="*/ 6524625 h 6524625"/>
              <a:gd name="connsiteX5" fmla="*/ 0 w 2451525"/>
              <a:gd name="connsiteY5" fmla="*/ 0 h 6524625"/>
              <a:gd name="connsiteX0" fmla="*/ 0 w 2367461"/>
              <a:gd name="connsiteY0" fmla="*/ 0 h 6524625"/>
              <a:gd name="connsiteX1" fmla="*/ 1343405 w 2367461"/>
              <a:gd name="connsiteY1" fmla="*/ 6667 h 6524625"/>
              <a:gd name="connsiteX2" fmla="*/ 2306762 w 2367461"/>
              <a:gd name="connsiteY2" fmla="*/ 4454525 h 6524625"/>
              <a:gd name="connsiteX3" fmla="*/ 2195429 w 2367461"/>
              <a:gd name="connsiteY3" fmla="*/ 6524625 h 6524625"/>
              <a:gd name="connsiteX4" fmla="*/ 0 w 2367461"/>
              <a:gd name="connsiteY4" fmla="*/ 6524625 h 6524625"/>
              <a:gd name="connsiteX5" fmla="*/ 0 w 2367461"/>
              <a:gd name="connsiteY5" fmla="*/ 0 h 6524625"/>
              <a:gd name="connsiteX0" fmla="*/ 0 w 2238215"/>
              <a:gd name="connsiteY0" fmla="*/ 0 h 6524625"/>
              <a:gd name="connsiteX1" fmla="*/ 1343405 w 2238215"/>
              <a:gd name="connsiteY1" fmla="*/ 6667 h 6524625"/>
              <a:gd name="connsiteX2" fmla="*/ 2195429 w 2238215"/>
              <a:gd name="connsiteY2" fmla="*/ 6524625 h 6524625"/>
              <a:gd name="connsiteX3" fmla="*/ 0 w 2238215"/>
              <a:gd name="connsiteY3" fmla="*/ 6524625 h 6524625"/>
              <a:gd name="connsiteX4" fmla="*/ 0 w 2238215"/>
              <a:gd name="connsiteY4" fmla="*/ 0 h 6524625"/>
              <a:gd name="connsiteX0" fmla="*/ 0 w 2288022"/>
              <a:gd name="connsiteY0" fmla="*/ 0 h 6524625"/>
              <a:gd name="connsiteX1" fmla="*/ 1343405 w 2288022"/>
              <a:gd name="connsiteY1" fmla="*/ 6667 h 6524625"/>
              <a:gd name="connsiteX2" fmla="*/ 2195429 w 2288022"/>
              <a:gd name="connsiteY2" fmla="*/ 6524625 h 6524625"/>
              <a:gd name="connsiteX3" fmla="*/ 0 w 2288022"/>
              <a:gd name="connsiteY3" fmla="*/ 6524625 h 6524625"/>
              <a:gd name="connsiteX4" fmla="*/ 0 w 2288022"/>
              <a:gd name="connsiteY4" fmla="*/ 0 h 6524625"/>
              <a:gd name="connsiteX0" fmla="*/ 0 w 2288655"/>
              <a:gd name="connsiteY0" fmla="*/ 1284 h 6525909"/>
              <a:gd name="connsiteX1" fmla="*/ 1351356 w 2288655"/>
              <a:gd name="connsiteY1" fmla="*/ 0 h 6525909"/>
              <a:gd name="connsiteX2" fmla="*/ 2195429 w 2288655"/>
              <a:gd name="connsiteY2" fmla="*/ 6525909 h 6525909"/>
              <a:gd name="connsiteX3" fmla="*/ 0 w 2288655"/>
              <a:gd name="connsiteY3" fmla="*/ 6525909 h 6525909"/>
              <a:gd name="connsiteX4" fmla="*/ 0 w 2288655"/>
              <a:gd name="connsiteY4" fmla="*/ 1284 h 6525909"/>
              <a:gd name="connsiteX0" fmla="*/ 0 w 2290470"/>
              <a:gd name="connsiteY0" fmla="*/ 1284 h 6525909"/>
              <a:gd name="connsiteX1" fmla="*/ 1351356 w 2290470"/>
              <a:gd name="connsiteY1" fmla="*/ 0 h 6525909"/>
              <a:gd name="connsiteX2" fmla="*/ 2195429 w 2290470"/>
              <a:gd name="connsiteY2" fmla="*/ 6525909 h 6525909"/>
              <a:gd name="connsiteX3" fmla="*/ 0 w 2290470"/>
              <a:gd name="connsiteY3" fmla="*/ 6525909 h 6525909"/>
              <a:gd name="connsiteX4" fmla="*/ 0 w 2290470"/>
              <a:gd name="connsiteY4" fmla="*/ 1284 h 6525909"/>
              <a:gd name="connsiteX0" fmla="*/ 0 w 2289253"/>
              <a:gd name="connsiteY0" fmla="*/ 1284 h 6525909"/>
              <a:gd name="connsiteX1" fmla="*/ 1351356 w 2289253"/>
              <a:gd name="connsiteY1" fmla="*/ 0 h 6525909"/>
              <a:gd name="connsiteX2" fmla="*/ 2195429 w 2289253"/>
              <a:gd name="connsiteY2" fmla="*/ 6525909 h 6525909"/>
              <a:gd name="connsiteX3" fmla="*/ 0 w 2289253"/>
              <a:gd name="connsiteY3" fmla="*/ 6525909 h 6525909"/>
              <a:gd name="connsiteX4" fmla="*/ 0 w 2289253"/>
              <a:gd name="connsiteY4" fmla="*/ 1284 h 65259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89253" h="6525909">
                <a:moveTo>
                  <a:pt x="0" y="1284"/>
                </a:moveTo>
                <a:lnTo>
                  <a:pt x="1351356" y="0"/>
                </a:lnTo>
                <a:cubicBezTo>
                  <a:pt x="1725212" y="1119242"/>
                  <a:pt x="2570404" y="2799750"/>
                  <a:pt x="2195429" y="6525909"/>
                </a:cubicBezTo>
                <a:lnTo>
                  <a:pt x="0" y="6525909"/>
                </a:lnTo>
                <a:lnTo>
                  <a:pt x="0" y="1284"/>
                </a:lnTo>
                <a:close/>
              </a:path>
            </a:pathLst>
          </a:custGeom>
          <a:solidFill>
            <a:srgbClr val="93A5B0"/>
          </a:solidFill>
          <a:ln>
            <a:noFill/>
          </a:ln>
        </p:spPr>
        <p:txBody>
          <a:bodyPr/>
          <a:lstStyle>
            <a:lvl1pPr marL="0" indent="0" algn="l">
              <a:buNone/>
              <a:defRPr/>
            </a:lvl1pPr>
          </a:lstStyle>
          <a:p>
            <a:r>
              <a:rPr lang="en-GB" dirty="0"/>
              <a:t>Insert image via Templafy pane</a:t>
            </a:r>
            <a:endParaRPr lang="en-GB"/>
          </a:p>
        </p:txBody>
      </p:sp>
      <p:sp>
        <p:nvSpPr>
          <p:cNvPr id="7" name="Rectangle 9">
            <a:extLst>
              <a:ext uri="{FF2B5EF4-FFF2-40B4-BE49-F238E27FC236}">
                <a16:creationId xmlns:a16="http://schemas.microsoft.com/office/drawing/2014/main" id="{69780A13-CEA5-437E-A9E3-DD53B3D96DA1}"/>
              </a:ext>
            </a:extLst>
          </p:cNvPr>
          <p:cNvSpPr>
            <a:spLocks noGrp="1" noChangeArrowheads="1"/>
          </p:cNvSpPr>
          <p:nvPr>
            <p:ph type="title"/>
          </p:nvPr>
        </p:nvSpPr>
        <p:spPr bwMode="auto">
          <a:xfrm>
            <a:off x="2423592" y="326364"/>
            <a:ext cx="9361040"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
        <p:nvSpPr>
          <p:cNvPr id="8" name="Rectangle 11">
            <a:extLst>
              <a:ext uri="{FF2B5EF4-FFF2-40B4-BE49-F238E27FC236}">
                <a16:creationId xmlns:a16="http://schemas.microsoft.com/office/drawing/2014/main" id="{126CFC3A-21A5-43E0-839E-41EE306B4C21}"/>
              </a:ext>
            </a:extLst>
          </p:cNvPr>
          <p:cNvSpPr>
            <a:spLocks noGrp="1" noChangeArrowheads="1"/>
          </p:cNvSpPr>
          <p:nvPr>
            <p:ph type="sldNum" sz="quarter" idx="4"/>
          </p:nvPr>
        </p:nvSpPr>
        <p:spPr bwMode="auto">
          <a:xfrm>
            <a:off x="9299872" y="6377399"/>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defRPr sz="1050">
                <a:solidFill>
                  <a:schemeClr val="tx1"/>
                </a:solidFill>
              </a:defRPr>
            </a:lvl1pPr>
          </a:lstStyle>
          <a:p>
            <a:pPr>
              <a:defRPr/>
            </a:pPr>
            <a:fld id="{AA923FDD-4DD3-41BE-8EE6-C8ADE94079E1}" type="slidenum">
              <a:rPr lang="en-GB" smtClean="0"/>
              <a:pPr>
                <a:defRPr/>
              </a:pPr>
              <a:t>‹#›</a:t>
            </a:fld>
            <a:endParaRPr lang="en-GB" dirty="0"/>
          </a:p>
        </p:txBody>
      </p:sp>
    </p:spTree>
    <p:extLst>
      <p:ext uri="{BB962C8B-B14F-4D97-AF65-F5344CB8AC3E}">
        <p14:creationId xmlns:p14="http://schemas.microsoft.com/office/powerpoint/2010/main" val="999791300"/>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8_Title and Content">
    <p:spTree>
      <p:nvGrpSpPr>
        <p:cNvPr id="1" name=""/>
        <p:cNvGrpSpPr/>
        <p:nvPr/>
      </p:nvGrpSpPr>
      <p:grpSpPr>
        <a:xfrm>
          <a:off x="0" y="0"/>
          <a:ext cx="0" cy="0"/>
          <a:chOff x="0" y="0"/>
          <a:chExt cx="0" cy="0"/>
        </a:xfrm>
      </p:grpSpPr>
      <p:sp>
        <p:nvSpPr>
          <p:cNvPr id="7" name="Picture Placeholder 6"/>
          <p:cNvSpPr>
            <a:spLocks noGrp="1"/>
          </p:cNvSpPr>
          <p:nvPr>
            <p:ph type="pic" sz="quarter" idx="11" hasCustomPrompt="1"/>
          </p:nvPr>
        </p:nvSpPr>
        <p:spPr>
          <a:xfrm>
            <a:off x="0" y="306001"/>
            <a:ext cx="2334590" cy="6552000"/>
          </a:xfrm>
          <a:prstGeom prst="rect">
            <a:avLst/>
          </a:prstGeom>
          <a:solidFill>
            <a:srgbClr val="93A5B0"/>
          </a:solidFill>
          <a:ln>
            <a:noFill/>
          </a:ln>
        </p:spPr>
        <p:txBody>
          <a:bodyPr/>
          <a:lstStyle>
            <a:lvl1pPr marL="0" indent="0">
              <a:buNone/>
              <a:defRPr/>
            </a:lvl1pPr>
          </a:lstStyle>
          <a:p>
            <a:r>
              <a:rPr lang="en-GB" dirty="0"/>
              <a:t>Insert image via Templafy pane</a:t>
            </a:r>
            <a:endParaRPr lang="en-GB"/>
          </a:p>
        </p:txBody>
      </p:sp>
      <p:sp>
        <p:nvSpPr>
          <p:cNvPr id="6" name="Content Placeholder 2">
            <a:extLst>
              <a:ext uri="{FF2B5EF4-FFF2-40B4-BE49-F238E27FC236}">
                <a16:creationId xmlns:a16="http://schemas.microsoft.com/office/drawing/2014/main" id="{2AA814D1-3160-4EBE-9343-C76EDA79C4BD}"/>
              </a:ext>
            </a:extLst>
          </p:cNvPr>
          <p:cNvSpPr>
            <a:spLocks noGrp="1"/>
          </p:cNvSpPr>
          <p:nvPr>
            <p:ph idx="1"/>
          </p:nvPr>
        </p:nvSpPr>
        <p:spPr>
          <a:xfrm>
            <a:off x="2423592" y="1340768"/>
            <a:ext cx="9361040" cy="5323969"/>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8" name="Rectangle 9">
            <a:extLst>
              <a:ext uri="{FF2B5EF4-FFF2-40B4-BE49-F238E27FC236}">
                <a16:creationId xmlns:a16="http://schemas.microsoft.com/office/drawing/2014/main" id="{C93E8F03-D3A0-4249-8E01-DE2A8715F059}"/>
              </a:ext>
            </a:extLst>
          </p:cNvPr>
          <p:cNvSpPr>
            <a:spLocks noGrp="1" noChangeArrowheads="1"/>
          </p:cNvSpPr>
          <p:nvPr>
            <p:ph type="title"/>
          </p:nvPr>
        </p:nvSpPr>
        <p:spPr bwMode="auto">
          <a:xfrm>
            <a:off x="2423592" y="326364"/>
            <a:ext cx="9361040"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
        <p:nvSpPr>
          <p:cNvPr id="9" name="Rectangle 11">
            <a:extLst>
              <a:ext uri="{FF2B5EF4-FFF2-40B4-BE49-F238E27FC236}">
                <a16:creationId xmlns:a16="http://schemas.microsoft.com/office/drawing/2014/main" id="{FC75B645-F7E4-4D6B-A34F-A08405D7548B}"/>
              </a:ext>
            </a:extLst>
          </p:cNvPr>
          <p:cNvSpPr>
            <a:spLocks noGrp="1" noChangeArrowheads="1"/>
          </p:cNvSpPr>
          <p:nvPr>
            <p:ph type="sldNum" sz="quarter" idx="4"/>
          </p:nvPr>
        </p:nvSpPr>
        <p:spPr bwMode="auto">
          <a:xfrm>
            <a:off x="9299872" y="6377399"/>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defRPr sz="1050">
                <a:solidFill>
                  <a:schemeClr val="tx1"/>
                </a:solidFill>
              </a:defRPr>
            </a:lvl1pPr>
          </a:lstStyle>
          <a:p>
            <a:pPr>
              <a:defRPr/>
            </a:pPr>
            <a:fld id="{AA923FDD-4DD3-41BE-8EE6-C8ADE94079E1}" type="slidenum">
              <a:rPr lang="en-GB" smtClean="0"/>
              <a:pPr>
                <a:defRPr/>
              </a:pPr>
              <a:t>‹#›</a:t>
            </a:fld>
            <a:endParaRPr lang="en-GB" dirty="0"/>
          </a:p>
        </p:txBody>
      </p:sp>
    </p:spTree>
    <p:extLst>
      <p:ext uri="{BB962C8B-B14F-4D97-AF65-F5344CB8AC3E}">
        <p14:creationId xmlns:p14="http://schemas.microsoft.com/office/powerpoint/2010/main" val="1996456025"/>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9_Title and Content">
    <p:spTree>
      <p:nvGrpSpPr>
        <p:cNvPr id="1" name=""/>
        <p:cNvGrpSpPr/>
        <p:nvPr/>
      </p:nvGrpSpPr>
      <p:grpSpPr>
        <a:xfrm>
          <a:off x="0" y="0"/>
          <a:ext cx="0" cy="0"/>
          <a:chOff x="0" y="0"/>
          <a:chExt cx="0" cy="0"/>
        </a:xfrm>
      </p:grpSpPr>
      <p:sp>
        <p:nvSpPr>
          <p:cNvPr id="7" name="Picture Placeholder 6"/>
          <p:cNvSpPr>
            <a:spLocks noGrp="1"/>
          </p:cNvSpPr>
          <p:nvPr>
            <p:ph type="pic" sz="quarter" idx="11" hasCustomPrompt="1"/>
          </p:nvPr>
        </p:nvSpPr>
        <p:spPr>
          <a:xfrm>
            <a:off x="0" y="333376"/>
            <a:ext cx="4064000" cy="6524625"/>
          </a:xfrm>
          <a:prstGeom prst="rect">
            <a:avLst/>
          </a:prstGeom>
          <a:solidFill>
            <a:srgbClr val="93A5B0"/>
          </a:solidFill>
          <a:ln>
            <a:noFill/>
          </a:ln>
        </p:spPr>
        <p:txBody>
          <a:bodyPr/>
          <a:lstStyle>
            <a:lvl1pPr marL="0" indent="0">
              <a:buNone/>
              <a:defRPr/>
            </a:lvl1pPr>
          </a:lstStyle>
          <a:p>
            <a:r>
              <a:rPr lang="en-GB" dirty="0"/>
              <a:t>Insert image via Templafy pane</a:t>
            </a:r>
            <a:endParaRPr lang="en-GB"/>
          </a:p>
        </p:txBody>
      </p:sp>
      <p:sp>
        <p:nvSpPr>
          <p:cNvPr id="6" name="Content Placeholder 2">
            <a:extLst>
              <a:ext uri="{FF2B5EF4-FFF2-40B4-BE49-F238E27FC236}">
                <a16:creationId xmlns:a16="http://schemas.microsoft.com/office/drawing/2014/main" id="{B738FF67-0CCE-4B47-9513-1FFC50D1B622}"/>
              </a:ext>
            </a:extLst>
          </p:cNvPr>
          <p:cNvSpPr>
            <a:spLocks noGrp="1"/>
          </p:cNvSpPr>
          <p:nvPr>
            <p:ph idx="1"/>
          </p:nvPr>
        </p:nvSpPr>
        <p:spPr>
          <a:xfrm>
            <a:off x="4151784" y="1340768"/>
            <a:ext cx="7632848" cy="5323969"/>
          </a:xfrm>
          <a:prstGeom prst="rect">
            <a:avLst/>
          </a:prstGeo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8" name="Rectangle 9">
            <a:extLst>
              <a:ext uri="{FF2B5EF4-FFF2-40B4-BE49-F238E27FC236}">
                <a16:creationId xmlns:a16="http://schemas.microsoft.com/office/drawing/2014/main" id="{86A200DD-E01E-485C-9A06-220AC95C17E2}"/>
              </a:ext>
            </a:extLst>
          </p:cNvPr>
          <p:cNvSpPr>
            <a:spLocks noGrp="1" noChangeArrowheads="1"/>
          </p:cNvSpPr>
          <p:nvPr>
            <p:ph type="title"/>
          </p:nvPr>
        </p:nvSpPr>
        <p:spPr bwMode="auto">
          <a:xfrm>
            <a:off x="4151784" y="326364"/>
            <a:ext cx="7632848"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
        <p:nvSpPr>
          <p:cNvPr id="9" name="Rectangle 11">
            <a:extLst>
              <a:ext uri="{FF2B5EF4-FFF2-40B4-BE49-F238E27FC236}">
                <a16:creationId xmlns:a16="http://schemas.microsoft.com/office/drawing/2014/main" id="{176AAC57-C400-474D-9ABB-14314D74BBAD}"/>
              </a:ext>
            </a:extLst>
          </p:cNvPr>
          <p:cNvSpPr>
            <a:spLocks noGrp="1" noChangeArrowheads="1"/>
          </p:cNvSpPr>
          <p:nvPr>
            <p:ph type="sldNum" sz="quarter" idx="4"/>
          </p:nvPr>
        </p:nvSpPr>
        <p:spPr bwMode="auto">
          <a:xfrm>
            <a:off x="9299872" y="6377399"/>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defRPr sz="1050">
                <a:solidFill>
                  <a:schemeClr val="tx1"/>
                </a:solidFill>
              </a:defRPr>
            </a:lvl1pPr>
          </a:lstStyle>
          <a:p>
            <a:pPr>
              <a:defRPr/>
            </a:pPr>
            <a:fld id="{AA923FDD-4DD3-41BE-8EE6-C8ADE94079E1}" type="slidenum">
              <a:rPr lang="en-GB" smtClean="0"/>
              <a:pPr>
                <a:defRPr/>
              </a:pPr>
              <a:t>‹#›</a:t>
            </a:fld>
            <a:endParaRPr lang="en-GB" dirty="0"/>
          </a:p>
        </p:txBody>
      </p:sp>
    </p:spTree>
    <p:extLst>
      <p:ext uri="{BB962C8B-B14F-4D97-AF65-F5344CB8AC3E}">
        <p14:creationId xmlns:p14="http://schemas.microsoft.com/office/powerpoint/2010/main" val="1926145157"/>
      </p:ext>
    </p:extLst>
  </p:cSld>
  <p:clrMapOvr>
    <a:masterClrMapping/>
  </p:clrMapOvr>
  <p:extLst>
    <p:ext uri="{DCECCB84-F9BA-43D5-87BE-67443E8EF086}">
      <p15:sldGuideLst xmlns:p15="http://schemas.microsoft.com/office/powerpoint/2012/main">
        <p15:guide id="1" orient="horz" pos="3974">
          <p15:clr>
            <a:srgbClr val="FBAE40"/>
          </p15:clr>
        </p15:guide>
        <p15:guide id="2" pos="288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407368" y="356833"/>
            <a:ext cx="11377264" cy="914400"/>
          </a:xfrm>
        </p:spPr>
        <p:txBody>
          <a:bodyPr/>
          <a:lstStyle/>
          <a:p>
            <a:r>
              <a:rPr lang="en-GB"/>
              <a:t>Click to edit Master title style</a:t>
            </a:r>
            <a:endParaRPr lang="en-GB" dirty="0"/>
          </a:p>
        </p:txBody>
      </p:sp>
      <p:sp>
        <p:nvSpPr>
          <p:cNvPr id="3" name="Content Placeholder 2"/>
          <p:cNvSpPr>
            <a:spLocks noGrp="1"/>
          </p:cNvSpPr>
          <p:nvPr>
            <p:ph idx="1"/>
          </p:nvPr>
        </p:nvSpPr>
        <p:spPr>
          <a:xfrm>
            <a:off x="407368" y="1340767"/>
            <a:ext cx="11377264" cy="5323969"/>
          </a:xfrm>
        </p:spPr>
        <p:txBody>
          <a:bodyPr/>
          <a:lstStyle>
            <a:lvl1pPr>
              <a:buClr>
                <a:srgbClr val="A80C35"/>
              </a:buClr>
              <a:defRPr/>
            </a:lvl1pPr>
            <a:lvl2pPr>
              <a:buClr>
                <a:srgbClr val="A80C35"/>
              </a:buClr>
              <a:defRPr/>
            </a:lvl2pPr>
            <a:lvl3pPr>
              <a:buClr>
                <a:srgbClr val="A80C35"/>
              </a:buClr>
              <a:defRPr/>
            </a:lvl3pPr>
            <a:lvl4pPr>
              <a:buClr>
                <a:srgbClr val="A80C35"/>
              </a:buClr>
              <a:defRPr/>
            </a:lvl4pPr>
            <a:lvl5pPr>
              <a:buClr>
                <a:srgbClr val="A80C35"/>
              </a:buClr>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Rectangle 11"/>
          <p:cNvSpPr>
            <a:spLocks noGrp="1" noChangeArrowheads="1"/>
          </p:cNvSpPr>
          <p:nvPr>
            <p:ph type="sldNum" sz="quarter" idx="10"/>
          </p:nvPr>
        </p:nvSpPr>
        <p:spPr/>
        <p:txBody>
          <a:bodyPr/>
          <a:lstStyle>
            <a:lvl1pPr>
              <a:defRPr/>
            </a:lvl1pPr>
          </a:lstStyle>
          <a:p>
            <a:pPr>
              <a:defRPr/>
            </a:pPr>
            <a:fld id="{0E808A4E-B55F-4717-AB09-68D98B68A291}" type="slidenum">
              <a:rPr lang="en-GB"/>
              <a:pPr>
                <a:defRPr/>
              </a:pPr>
              <a:t>‹#›</a:t>
            </a:fld>
            <a:endParaRPr lang="en-GB"/>
          </a:p>
        </p:txBody>
      </p:sp>
    </p:spTree>
    <p:extLst>
      <p:ext uri="{BB962C8B-B14F-4D97-AF65-F5344CB8AC3E}">
        <p14:creationId xmlns:p14="http://schemas.microsoft.com/office/powerpoint/2010/main" val="248238837"/>
      </p:ext>
    </p:extLst>
  </p:cSld>
  <p:clrMapOvr>
    <a:masterClrMapping/>
  </p:clrMapOvr>
  <p:extLst>
    <p:ext uri="{DCECCB84-F9BA-43D5-87BE-67443E8EF086}">
      <p15:sldGuideLst xmlns:p15="http://schemas.microsoft.com/office/powerpoint/2012/main">
        <p15:guide id="1" orient="horz" pos="3974" userDrawn="1">
          <p15:clr>
            <a:srgbClr val="FBAE40"/>
          </p15:clr>
        </p15:guide>
        <p15:guide id="2" pos="3840"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4" name="Rectangle 11"/>
          <p:cNvSpPr>
            <a:spLocks noGrp="1" noChangeArrowheads="1"/>
          </p:cNvSpPr>
          <p:nvPr>
            <p:ph type="sldNum" sz="quarter" idx="10"/>
          </p:nvPr>
        </p:nvSpPr>
        <p:spPr>
          <a:ln/>
        </p:spPr>
        <p:txBody>
          <a:bodyPr/>
          <a:lstStyle>
            <a:lvl1pPr>
              <a:defRPr/>
            </a:lvl1pPr>
          </a:lstStyle>
          <a:p>
            <a:pPr>
              <a:defRPr/>
            </a:pPr>
            <a:fld id="{F8BD92F3-69C9-4C4C-94BC-A9113B2A498E}" type="slidenum">
              <a:rPr lang="en-GB"/>
              <a:pPr>
                <a:defRPr/>
              </a:pPr>
              <a:t>‹#›</a:t>
            </a:fld>
            <a:endParaRPr lang="en-GB"/>
          </a:p>
        </p:txBody>
      </p:sp>
      <p:sp>
        <p:nvSpPr>
          <p:cNvPr id="20" name="Title 1"/>
          <p:cNvSpPr>
            <a:spLocks noGrp="1"/>
          </p:cNvSpPr>
          <p:nvPr>
            <p:ph type="title"/>
          </p:nvPr>
        </p:nvSpPr>
        <p:spPr bwMode="black">
          <a:xfrm>
            <a:off x="963084" y="4659213"/>
            <a:ext cx="10363200" cy="1362075"/>
          </a:xfrm>
        </p:spPr>
        <p:txBody>
          <a:bodyPr anchor="t"/>
          <a:lstStyle>
            <a:lvl1pPr algn="l">
              <a:defRPr sz="4000" b="0" cap="none" baseline="0">
                <a:solidFill>
                  <a:schemeClr val="tx2"/>
                </a:solidFill>
              </a:defRPr>
            </a:lvl1pPr>
          </a:lstStyle>
          <a:p>
            <a:r>
              <a:rPr lang="en-GB"/>
              <a:t>Click to edit Master title style</a:t>
            </a:r>
            <a:endParaRPr lang="en-GB" dirty="0"/>
          </a:p>
        </p:txBody>
      </p:sp>
      <p:sp>
        <p:nvSpPr>
          <p:cNvPr id="21" name="Text Placeholder 2"/>
          <p:cNvSpPr>
            <a:spLocks noGrp="1"/>
          </p:cNvSpPr>
          <p:nvPr>
            <p:ph type="body" idx="1"/>
          </p:nvPr>
        </p:nvSpPr>
        <p:spPr>
          <a:xfrm>
            <a:off x="963084" y="3159025"/>
            <a:ext cx="10363200" cy="1500187"/>
          </a:xfrm>
        </p:spPr>
        <p:txBody>
          <a:bodyPr anchor="b"/>
          <a:lstStyle>
            <a:lvl1pPr marL="0" indent="0">
              <a:buNone/>
              <a:defRPr sz="2000">
                <a:solidFill>
                  <a:srgbClr val="000000"/>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GB"/>
              <a:t>Click to edit Master text styles</a:t>
            </a:r>
          </a:p>
        </p:txBody>
      </p:sp>
      <p:sp>
        <p:nvSpPr>
          <p:cNvPr id="6" name="Picture Placeholder 5">
            <a:extLst>
              <a:ext uri="{FF2B5EF4-FFF2-40B4-BE49-F238E27FC236}">
                <a16:creationId xmlns:a16="http://schemas.microsoft.com/office/drawing/2014/main" id="{1DB7AFA6-CB84-4F90-AA07-7C4DE08ACDEC}"/>
              </a:ext>
            </a:extLst>
          </p:cNvPr>
          <p:cNvSpPr>
            <a:spLocks noGrp="1"/>
          </p:cNvSpPr>
          <p:nvPr>
            <p:ph type="pic" sz="quarter" idx="12" hasCustomPrompt="1"/>
          </p:nvPr>
        </p:nvSpPr>
        <p:spPr bwMode="auto">
          <a:xfrm>
            <a:off x="0" y="288000"/>
            <a:ext cx="12192000" cy="4053417"/>
          </a:xfrm>
          <a:custGeom>
            <a:avLst/>
            <a:gdLst>
              <a:gd name="connsiteX0" fmla="*/ 0 w 10000"/>
              <a:gd name="connsiteY0" fmla="*/ 2000 h 10000"/>
              <a:gd name="connsiteX1" fmla="*/ 10000 w 10000"/>
              <a:gd name="connsiteY1" fmla="*/ 0 h 10000"/>
              <a:gd name="connsiteX2" fmla="*/ 10000 w 10000"/>
              <a:gd name="connsiteY2" fmla="*/ 10000 h 10000"/>
              <a:gd name="connsiteX3" fmla="*/ 0 w 10000"/>
              <a:gd name="connsiteY3" fmla="*/ 10000 h 10000"/>
              <a:gd name="connsiteX4" fmla="*/ 0 w 10000"/>
              <a:gd name="connsiteY4" fmla="*/ 2000 h 10000"/>
              <a:gd name="connsiteX0" fmla="*/ 0 w 10020"/>
              <a:gd name="connsiteY0" fmla="*/ 47 h 10000"/>
              <a:gd name="connsiteX1" fmla="*/ 10020 w 10020"/>
              <a:gd name="connsiteY1" fmla="*/ 0 h 10000"/>
              <a:gd name="connsiteX2" fmla="*/ 10020 w 10020"/>
              <a:gd name="connsiteY2" fmla="*/ 10000 h 10000"/>
              <a:gd name="connsiteX3" fmla="*/ 20 w 10020"/>
              <a:gd name="connsiteY3" fmla="*/ 10000 h 10000"/>
              <a:gd name="connsiteX4" fmla="*/ 0 w 10020"/>
              <a:gd name="connsiteY4" fmla="*/ 47 h 10000"/>
              <a:gd name="connsiteX0" fmla="*/ 0 w 10030"/>
              <a:gd name="connsiteY0" fmla="*/ 47 h 10000"/>
              <a:gd name="connsiteX1" fmla="*/ 10020 w 10030"/>
              <a:gd name="connsiteY1" fmla="*/ 0 h 10000"/>
              <a:gd name="connsiteX2" fmla="*/ 10030 w 10030"/>
              <a:gd name="connsiteY2" fmla="*/ 7704 h 10000"/>
              <a:gd name="connsiteX3" fmla="*/ 20 w 10030"/>
              <a:gd name="connsiteY3" fmla="*/ 10000 h 10000"/>
              <a:gd name="connsiteX4" fmla="*/ 0 w 10030"/>
              <a:gd name="connsiteY4" fmla="*/ 47 h 10000"/>
              <a:gd name="connsiteX0" fmla="*/ 2 w 10032"/>
              <a:gd name="connsiteY0" fmla="*/ 47 h 7704"/>
              <a:gd name="connsiteX1" fmla="*/ 10022 w 10032"/>
              <a:gd name="connsiteY1" fmla="*/ 0 h 7704"/>
              <a:gd name="connsiteX2" fmla="*/ 10032 w 10032"/>
              <a:gd name="connsiteY2" fmla="*/ 7704 h 7704"/>
              <a:gd name="connsiteX3" fmla="*/ 2 w 10032"/>
              <a:gd name="connsiteY3" fmla="*/ 5514 h 7704"/>
              <a:gd name="connsiteX4" fmla="*/ 2 w 10032"/>
              <a:gd name="connsiteY4" fmla="*/ 47 h 7704"/>
              <a:gd name="connsiteX0" fmla="*/ 2 w 10000"/>
              <a:gd name="connsiteY0" fmla="*/ 61 h 10823"/>
              <a:gd name="connsiteX1" fmla="*/ 9990 w 10000"/>
              <a:gd name="connsiteY1" fmla="*/ 0 h 10823"/>
              <a:gd name="connsiteX2" fmla="*/ 10000 w 10000"/>
              <a:gd name="connsiteY2" fmla="*/ 10000 h 10823"/>
              <a:gd name="connsiteX3" fmla="*/ 9406 w 10000"/>
              <a:gd name="connsiteY3" fmla="*/ 10823 h 10823"/>
              <a:gd name="connsiteX4" fmla="*/ 2 w 10000"/>
              <a:gd name="connsiteY4" fmla="*/ 7157 h 10823"/>
              <a:gd name="connsiteX5" fmla="*/ 2 w 10000"/>
              <a:gd name="connsiteY5" fmla="*/ 61 h 10823"/>
              <a:gd name="connsiteX0" fmla="*/ 2 w 10000"/>
              <a:gd name="connsiteY0" fmla="*/ 61 h 11543"/>
              <a:gd name="connsiteX1" fmla="*/ 9990 w 10000"/>
              <a:gd name="connsiteY1" fmla="*/ 0 h 11543"/>
              <a:gd name="connsiteX2" fmla="*/ 10000 w 10000"/>
              <a:gd name="connsiteY2" fmla="*/ 10000 h 11543"/>
              <a:gd name="connsiteX3" fmla="*/ 9406 w 10000"/>
              <a:gd name="connsiteY3" fmla="*/ 10823 h 11543"/>
              <a:gd name="connsiteX4" fmla="*/ 8933 w 10000"/>
              <a:gd name="connsiteY4" fmla="*/ 11542 h 11543"/>
              <a:gd name="connsiteX5" fmla="*/ 2 w 10000"/>
              <a:gd name="connsiteY5" fmla="*/ 7157 h 11543"/>
              <a:gd name="connsiteX6" fmla="*/ 2 w 10000"/>
              <a:gd name="connsiteY6" fmla="*/ 61 h 11543"/>
              <a:gd name="connsiteX0" fmla="*/ 2 w 10000"/>
              <a:gd name="connsiteY0" fmla="*/ 61 h 11543"/>
              <a:gd name="connsiteX1" fmla="*/ 9990 w 10000"/>
              <a:gd name="connsiteY1" fmla="*/ 0 h 11543"/>
              <a:gd name="connsiteX2" fmla="*/ 10000 w 10000"/>
              <a:gd name="connsiteY2" fmla="*/ 10000 h 11543"/>
              <a:gd name="connsiteX3" fmla="*/ 9406 w 10000"/>
              <a:gd name="connsiteY3" fmla="*/ 10823 h 11543"/>
              <a:gd name="connsiteX4" fmla="*/ 8933 w 10000"/>
              <a:gd name="connsiteY4" fmla="*/ 11542 h 11543"/>
              <a:gd name="connsiteX5" fmla="*/ 2 w 10000"/>
              <a:gd name="connsiteY5" fmla="*/ 7157 h 11543"/>
              <a:gd name="connsiteX6" fmla="*/ 2 w 10000"/>
              <a:gd name="connsiteY6" fmla="*/ 61 h 11543"/>
              <a:gd name="connsiteX0" fmla="*/ 2 w 10000"/>
              <a:gd name="connsiteY0" fmla="*/ 61 h 12265"/>
              <a:gd name="connsiteX1" fmla="*/ 9990 w 10000"/>
              <a:gd name="connsiteY1" fmla="*/ 0 h 12265"/>
              <a:gd name="connsiteX2" fmla="*/ 10000 w 10000"/>
              <a:gd name="connsiteY2" fmla="*/ 10000 h 12265"/>
              <a:gd name="connsiteX3" fmla="*/ 9406 w 10000"/>
              <a:gd name="connsiteY3" fmla="*/ 10823 h 12265"/>
              <a:gd name="connsiteX4" fmla="*/ 8933 w 10000"/>
              <a:gd name="connsiteY4" fmla="*/ 11542 h 12265"/>
              <a:gd name="connsiteX5" fmla="*/ 8188 w 10000"/>
              <a:gd name="connsiteY5" fmla="*/ 12262 h 12265"/>
              <a:gd name="connsiteX6" fmla="*/ 2 w 10000"/>
              <a:gd name="connsiteY6" fmla="*/ 7157 h 12265"/>
              <a:gd name="connsiteX7" fmla="*/ 2 w 10000"/>
              <a:gd name="connsiteY7" fmla="*/ 61 h 12265"/>
              <a:gd name="connsiteX0" fmla="*/ 2 w 10000"/>
              <a:gd name="connsiteY0" fmla="*/ 61 h 12855"/>
              <a:gd name="connsiteX1" fmla="*/ 9990 w 10000"/>
              <a:gd name="connsiteY1" fmla="*/ 0 h 12855"/>
              <a:gd name="connsiteX2" fmla="*/ 10000 w 10000"/>
              <a:gd name="connsiteY2" fmla="*/ 10000 h 12855"/>
              <a:gd name="connsiteX3" fmla="*/ 9406 w 10000"/>
              <a:gd name="connsiteY3" fmla="*/ 10823 h 12855"/>
              <a:gd name="connsiteX4" fmla="*/ 8933 w 10000"/>
              <a:gd name="connsiteY4" fmla="*/ 11542 h 12855"/>
              <a:gd name="connsiteX5" fmla="*/ 8188 w 10000"/>
              <a:gd name="connsiteY5" fmla="*/ 12262 h 12855"/>
              <a:gd name="connsiteX6" fmla="*/ 7402 w 10000"/>
              <a:gd name="connsiteY6" fmla="*/ 12844 h 12855"/>
              <a:gd name="connsiteX7" fmla="*/ 2 w 10000"/>
              <a:gd name="connsiteY7" fmla="*/ 7157 h 12855"/>
              <a:gd name="connsiteX8" fmla="*/ 2 w 10000"/>
              <a:gd name="connsiteY8" fmla="*/ 61 h 12855"/>
              <a:gd name="connsiteX0" fmla="*/ 2 w 10000"/>
              <a:gd name="connsiteY0" fmla="*/ 61 h 12993"/>
              <a:gd name="connsiteX1" fmla="*/ 9990 w 10000"/>
              <a:gd name="connsiteY1" fmla="*/ 0 h 12993"/>
              <a:gd name="connsiteX2" fmla="*/ 10000 w 10000"/>
              <a:gd name="connsiteY2" fmla="*/ 10000 h 12993"/>
              <a:gd name="connsiteX3" fmla="*/ 9406 w 10000"/>
              <a:gd name="connsiteY3" fmla="*/ 10823 h 12993"/>
              <a:gd name="connsiteX4" fmla="*/ 8933 w 10000"/>
              <a:gd name="connsiteY4" fmla="*/ 11542 h 12993"/>
              <a:gd name="connsiteX5" fmla="*/ 8188 w 10000"/>
              <a:gd name="connsiteY5" fmla="*/ 12262 h 12993"/>
              <a:gd name="connsiteX6" fmla="*/ 7402 w 10000"/>
              <a:gd name="connsiteY6" fmla="*/ 12844 h 12993"/>
              <a:gd name="connsiteX7" fmla="*/ 6406 w 10000"/>
              <a:gd name="connsiteY7" fmla="*/ 12947 h 12993"/>
              <a:gd name="connsiteX8" fmla="*/ 2 w 10000"/>
              <a:gd name="connsiteY8" fmla="*/ 7157 h 12993"/>
              <a:gd name="connsiteX9" fmla="*/ 2 w 10000"/>
              <a:gd name="connsiteY9" fmla="*/ 61 h 12993"/>
              <a:gd name="connsiteX0" fmla="*/ 2 w 10000"/>
              <a:gd name="connsiteY0" fmla="*/ 61 h 12993"/>
              <a:gd name="connsiteX1" fmla="*/ 9990 w 10000"/>
              <a:gd name="connsiteY1" fmla="*/ 0 h 12993"/>
              <a:gd name="connsiteX2" fmla="*/ 10000 w 10000"/>
              <a:gd name="connsiteY2" fmla="*/ 10000 h 12993"/>
              <a:gd name="connsiteX3" fmla="*/ 9406 w 10000"/>
              <a:gd name="connsiteY3" fmla="*/ 10823 h 12993"/>
              <a:gd name="connsiteX4" fmla="*/ 8933 w 10000"/>
              <a:gd name="connsiteY4" fmla="*/ 11542 h 12993"/>
              <a:gd name="connsiteX5" fmla="*/ 8188 w 10000"/>
              <a:gd name="connsiteY5" fmla="*/ 12262 h 12993"/>
              <a:gd name="connsiteX6" fmla="*/ 7402 w 10000"/>
              <a:gd name="connsiteY6" fmla="*/ 12844 h 12993"/>
              <a:gd name="connsiteX7" fmla="*/ 6406 w 10000"/>
              <a:gd name="connsiteY7" fmla="*/ 12947 h 12993"/>
              <a:gd name="connsiteX8" fmla="*/ 5278 w 10000"/>
              <a:gd name="connsiteY8" fmla="*/ 12741 h 12993"/>
              <a:gd name="connsiteX9" fmla="*/ 2 w 10000"/>
              <a:gd name="connsiteY9" fmla="*/ 7157 h 12993"/>
              <a:gd name="connsiteX10" fmla="*/ 2 w 10000"/>
              <a:gd name="connsiteY10" fmla="*/ 61 h 12993"/>
              <a:gd name="connsiteX0" fmla="*/ 2 w 10000"/>
              <a:gd name="connsiteY0" fmla="*/ 61 h 12993"/>
              <a:gd name="connsiteX1" fmla="*/ 9990 w 10000"/>
              <a:gd name="connsiteY1" fmla="*/ 0 h 12993"/>
              <a:gd name="connsiteX2" fmla="*/ 10000 w 10000"/>
              <a:gd name="connsiteY2" fmla="*/ 10000 h 12993"/>
              <a:gd name="connsiteX3" fmla="*/ 9406 w 10000"/>
              <a:gd name="connsiteY3" fmla="*/ 10823 h 12993"/>
              <a:gd name="connsiteX4" fmla="*/ 8933 w 10000"/>
              <a:gd name="connsiteY4" fmla="*/ 11542 h 12993"/>
              <a:gd name="connsiteX5" fmla="*/ 8188 w 10000"/>
              <a:gd name="connsiteY5" fmla="*/ 12262 h 12993"/>
              <a:gd name="connsiteX6" fmla="*/ 7402 w 10000"/>
              <a:gd name="connsiteY6" fmla="*/ 12844 h 12993"/>
              <a:gd name="connsiteX7" fmla="*/ 6406 w 10000"/>
              <a:gd name="connsiteY7" fmla="*/ 12947 h 12993"/>
              <a:gd name="connsiteX8" fmla="*/ 5278 w 10000"/>
              <a:gd name="connsiteY8" fmla="*/ 12741 h 12993"/>
              <a:gd name="connsiteX9" fmla="*/ 4090 w 10000"/>
              <a:gd name="connsiteY9" fmla="*/ 12296 h 12993"/>
              <a:gd name="connsiteX10" fmla="*/ 2 w 10000"/>
              <a:gd name="connsiteY10" fmla="*/ 7157 h 12993"/>
              <a:gd name="connsiteX11" fmla="*/ 2 w 10000"/>
              <a:gd name="connsiteY11" fmla="*/ 61 h 12993"/>
              <a:gd name="connsiteX0" fmla="*/ 2 w 10000"/>
              <a:gd name="connsiteY0" fmla="*/ 61 h 12993"/>
              <a:gd name="connsiteX1" fmla="*/ 9990 w 10000"/>
              <a:gd name="connsiteY1" fmla="*/ 0 h 12993"/>
              <a:gd name="connsiteX2" fmla="*/ 10000 w 10000"/>
              <a:gd name="connsiteY2" fmla="*/ 10000 h 12993"/>
              <a:gd name="connsiteX3" fmla="*/ 9406 w 10000"/>
              <a:gd name="connsiteY3" fmla="*/ 10823 h 12993"/>
              <a:gd name="connsiteX4" fmla="*/ 8933 w 10000"/>
              <a:gd name="connsiteY4" fmla="*/ 11542 h 12993"/>
              <a:gd name="connsiteX5" fmla="*/ 8188 w 10000"/>
              <a:gd name="connsiteY5" fmla="*/ 12262 h 12993"/>
              <a:gd name="connsiteX6" fmla="*/ 7402 w 10000"/>
              <a:gd name="connsiteY6" fmla="*/ 12844 h 12993"/>
              <a:gd name="connsiteX7" fmla="*/ 6406 w 10000"/>
              <a:gd name="connsiteY7" fmla="*/ 12947 h 12993"/>
              <a:gd name="connsiteX8" fmla="*/ 5278 w 10000"/>
              <a:gd name="connsiteY8" fmla="*/ 12741 h 12993"/>
              <a:gd name="connsiteX9" fmla="*/ 4090 w 10000"/>
              <a:gd name="connsiteY9" fmla="*/ 12296 h 12993"/>
              <a:gd name="connsiteX10" fmla="*/ 3173 w 10000"/>
              <a:gd name="connsiteY10" fmla="*/ 11542 h 12993"/>
              <a:gd name="connsiteX11" fmla="*/ 2 w 10000"/>
              <a:gd name="connsiteY11" fmla="*/ 7157 h 12993"/>
              <a:gd name="connsiteX12" fmla="*/ 2 w 10000"/>
              <a:gd name="connsiteY12" fmla="*/ 61 h 12993"/>
              <a:gd name="connsiteX0" fmla="*/ 2 w 10000"/>
              <a:gd name="connsiteY0" fmla="*/ 61 h 12993"/>
              <a:gd name="connsiteX1" fmla="*/ 9990 w 10000"/>
              <a:gd name="connsiteY1" fmla="*/ 0 h 12993"/>
              <a:gd name="connsiteX2" fmla="*/ 10000 w 10000"/>
              <a:gd name="connsiteY2" fmla="*/ 10000 h 12993"/>
              <a:gd name="connsiteX3" fmla="*/ 9406 w 10000"/>
              <a:gd name="connsiteY3" fmla="*/ 10823 h 12993"/>
              <a:gd name="connsiteX4" fmla="*/ 8933 w 10000"/>
              <a:gd name="connsiteY4" fmla="*/ 11542 h 12993"/>
              <a:gd name="connsiteX5" fmla="*/ 8188 w 10000"/>
              <a:gd name="connsiteY5" fmla="*/ 12262 h 12993"/>
              <a:gd name="connsiteX6" fmla="*/ 7402 w 10000"/>
              <a:gd name="connsiteY6" fmla="*/ 12844 h 12993"/>
              <a:gd name="connsiteX7" fmla="*/ 6406 w 10000"/>
              <a:gd name="connsiteY7" fmla="*/ 12947 h 12993"/>
              <a:gd name="connsiteX8" fmla="*/ 5278 w 10000"/>
              <a:gd name="connsiteY8" fmla="*/ 12741 h 12993"/>
              <a:gd name="connsiteX9" fmla="*/ 4090 w 10000"/>
              <a:gd name="connsiteY9" fmla="*/ 12296 h 12993"/>
              <a:gd name="connsiteX10" fmla="*/ 3173 w 10000"/>
              <a:gd name="connsiteY10" fmla="*/ 11542 h 12993"/>
              <a:gd name="connsiteX11" fmla="*/ 2277 w 10000"/>
              <a:gd name="connsiteY11" fmla="*/ 10652 h 12993"/>
              <a:gd name="connsiteX12" fmla="*/ 2 w 10000"/>
              <a:gd name="connsiteY12" fmla="*/ 7157 h 12993"/>
              <a:gd name="connsiteX13" fmla="*/ 2 w 10000"/>
              <a:gd name="connsiteY13" fmla="*/ 61 h 12993"/>
              <a:gd name="connsiteX0" fmla="*/ 2 w 10000"/>
              <a:gd name="connsiteY0" fmla="*/ 61 h 12993"/>
              <a:gd name="connsiteX1" fmla="*/ 9990 w 10000"/>
              <a:gd name="connsiteY1" fmla="*/ 0 h 12993"/>
              <a:gd name="connsiteX2" fmla="*/ 10000 w 10000"/>
              <a:gd name="connsiteY2" fmla="*/ 10000 h 12993"/>
              <a:gd name="connsiteX3" fmla="*/ 9406 w 10000"/>
              <a:gd name="connsiteY3" fmla="*/ 10823 h 12993"/>
              <a:gd name="connsiteX4" fmla="*/ 8933 w 10000"/>
              <a:gd name="connsiteY4" fmla="*/ 11542 h 12993"/>
              <a:gd name="connsiteX5" fmla="*/ 8188 w 10000"/>
              <a:gd name="connsiteY5" fmla="*/ 12262 h 12993"/>
              <a:gd name="connsiteX6" fmla="*/ 7402 w 10000"/>
              <a:gd name="connsiteY6" fmla="*/ 12844 h 12993"/>
              <a:gd name="connsiteX7" fmla="*/ 6406 w 10000"/>
              <a:gd name="connsiteY7" fmla="*/ 12947 h 12993"/>
              <a:gd name="connsiteX8" fmla="*/ 5278 w 10000"/>
              <a:gd name="connsiteY8" fmla="*/ 12741 h 12993"/>
              <a:gd name="connsiteX9" fmla="*/ 4090 w 10000"/>
              <a:gd name="connsiteY9" fmla="*/ 12296 h 12993"/>
              <a:gd name="connsiteX10" fmla="*/ 3173 w 10000"/>
              <a:gd name="connsiteY10" fmla="*/ 11542 h 12993"/>
              <a:gd name="connsiteX11" fmla="*/ 2277 w 10000"/>
              <a:gd name="connsiteY11" fmla="*/ 10652 h 12993"/>
              <a:gd name="connsiteX12" fmla="*/ 1291 w 10000"/>
              <a:gd name="connsiteY12" fmla="*/ 9316 h 12993"/>
              <a:gd name="connsiteX13" fmla="*/ 2 w 10000"/>
              <a:gd name="connsiteY13" fmla="*/ 7157 h 12993"/>
              <a:gd name="connsiteX14" fmla="*/ 2 w 10000"/>
              <a:gd name="connsiteY14" fmla="*/ 61 h 12993"/>
              <a:gd name="connsiteX0" fmla="*/ 20 w 10018"/>
              <a:gd name="connsiteY0" fmla="*/ 61 h 12993"/>
              <a:gd name="connsiteX1" fmla="*/ 10008 w 10018"/>
              <a:gd name="connsiteY1" fmla="*/ 0 h 12993"/>
              <a:gd name="connsiteX2" fmla="*/ 10018 w 10018"/>
              <a:gd name="connsiteY2" fmla="*/ 10000 h 12993"/>
              <a:gd name="connsiteX3" fmla="*/ 9424 w 10018"/>
              <a:gd name="connsiteY3" fmla="*/ 10823 h 12993"/>
              <a:gd name="connsiteX4" fmla="*/ 8951 w 10018"/>
              <a:gd name="connsiteY4" fmla="*/ 11542 h 12993"/>
              <a:gd name="connsiteX5" fmla="*/ 8206 w 10018"/>
              <a:gd name="connsiteY5" fmla="*/ 12262 h 12993"/>
              <a:gd name="connsiteX6" fmla="*/ 7420 w 10018"/>
              <a:gd name="connsiteY6" fmla="*/ 12844 h 12993"/>
              <a:gd name="connsiteX7" fmla="*/ 6424 w 10018"/>
              <a:gd name="connsiteY7" fmla="*/ 12947 h 12993"/>
              <a:gd name="connsiteX8" fmla="*/ 5296 w 10018"/>
              <a:gd name="connsiteY8" fmla="*/ 12741 h 12993"/>
              <a:gd name="connsiteX9" fmla="*/ 4108 w 10018"/>
              <a:gd name="connsiteY9" fmla="*/ 12296 h 12993"/>
              <a:gd name="connsiteX10" fmla="*/ 3191 w 10018"/>
              <a:gd name="connsiteY10" fmla="*/ 11542 h 12993"/>
              <a:gd name="connsiteX11" fmla="*/ 2295 w 10018"/>
              <a:gd name="connsiteY11" fmla="*/ 10652 h 12993"/>
              <a:gd name="connsiteX12" fmla="*/ 1309 w 10018"/>
              <a:gd name="connsiteY12" fmla="*/ 9316 h 12993"/>
              <a:gd name="connsiteX13" fmla="*/ 0 w 10018"/>
              <a:gd name="connsiteY13" fmla="*/ 7020 h 12993"/>
              <a:gd name="connsiteX14" fmla="*/ 20 w 10018"/>
              <a:gd name="connsiteY14" fmla="*/ 61 h 12993"/>
              <a:gd name="connsiteX0" fmla="*/ 20 w 10011"/>
              <a:gd name="connsiteY0" fmla="*/ 61 h 12993"/>
              <a:gd name="connsiteX1" fmla="*/ 10008 w 10011"/>
              <a:gd name="connsiteY1" fmla="*/ 0 h 12993"/>
              <a:gd name="connsiteX2" fmla="*/ 10011 w 10011"/>
              <a:gd name="connsiteY2" fmla="*/ 10000 h 12993"/>
              <a:gd name="connsiteX3" fmla="*/ 9424 w 10011"/>
              <a:gd name="connsiteY3" fmla="*/ 10823 h 12993"/>
              <a:gd name="connsiteX4" fmla="*/ 8951 w 10011"/>
              <a:gd name="connsiteY4" fmla="*/ 11542 h 12993"/>
              <a:gd name="connsiteX5" fmla="*/ 8206 w 10011"/>
              <a:gd name="connsiteY5" fmla="*/ 12262 h 12993"/>
              <a:gd name="connsiteX6" fmla="*/ 7420 w 10011"/>
              <a:gd name="connsiteY6" fmla="*/ 12844 h 12993"/>
              <a:gd name="connsiteX7" fmla="*/ 6424 w 10011"/>
              <a:gd name="connsiteY7" fmla="*/ 12947 h 12993"/>
              <a:gd name="connsiteX8" fmla="*/ 5296 w 10011"/>
              <a:gd name="connsiteY8" fmla="*/ 12741 h 12993"/>
              <a:gd name="connsiteX9" fmla="*/ 4108 w 10011"/>
              <a:gd name="connsiteY9" fmla="*/ 12296 h 12993"/>
              <a:gd name="connsiteX10" fmla="*/ 3191 w 10011"/>
              <a:gd name="connsiteY10" fmla="*/ 11542 h 12993"/>
              <a:gd name="connsiteX11" fmla="*/ 2295 w 10011"/>
              <a:gd name="connsiteY11" fmla="*/ 10652 h 12993"/>
              <a:gd name="connsiteX12" fmla="*/ 1309 w 10011"/>
              <a:gd name="connsiteY12" fmla="*/ 9316 h 12993"/>
              <a:gd name="connsiteX13" fmla="*/ 0 w 10011"/>
              <a:gd name="connsiteY13" fmla="*/ 7020 h 12993"/>
              <a:gd name="connsiteX14" fmla="*/ 20 w 10011"/>
              <a:gd name="connsiteY14" fmla="*/ 61 h 12993"/>
              <a:gd name="connsiteX0" fmla="*/ 20 w 10008"/>
              <a:gd name="connsiteY0" fmla="*/ 61 h 12993"/>
              <a:gd name="connsiteX1" fmla="*/ 10008 w 10008"/>
              <a:gd name="connsiteY1" fmla="*/ 0 h 12993"/>
              <a:gd name="connsiteX2" fmla="*/ 10004 w 10008"/>
              <a:gd name="connsiteY2" fmla="*/ 9835 h 12993"/>
              <a:gd name="connsiteX3" fmla="*/ 9424 w 10008"/>
              <a:gd name="connsiteY3" fmla="*/ 10823 h 12993"/>
              <a:gd name="connsiteX4" fmla="*/ 8951 w 10008"/>
              <a:gd name="connsiteY4" fmla="*/ 11542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4 w 10008"/>
              <a:gd name="connsiteY2" fmla="*/ 9835 h 12993"/>
              <a:gd name="connsiteX3" fmla="*/ 9424 w 10008"/>
              <a:gd name="connsiteY3" fmla="*/ 10823 h 12993"/>
              <a:gd name="connsiteX4" fmla="*/ 8951 w 10008"/>
              <a:gd name="connsiteY4" fmla="*/ 11542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4 w 10008"/>
              <a:gd name="connsiteY2" fmla="*/ 9835 h 12993"/>
              <a:gd name="connsiteX3" fmla="*/ 9424 w 10008"/>
              <a:gd name="connsiteY3" fmla="*/ 10823 h 12993"/>
              <a:gd name="connsiteX4" fmla="*/ 8951 w 10008"/>
              <a:gd name="connsiteY4" fmla="*/ 11542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4 w 10008"/>
              <a:gd name="connsiteY2" fmla="*/ 9835 h 12993"/>
              <a:gd name="connsiteX3" fmla="*/ 9424 w 10008"/>
              <a:gd name="connsiteY3" fmla="*/ 10823 h 12993"/>
              <a:gd name="connsiteX4" fmla="*/ 8951 w 10008"/>
              <a:gd name="connsiteY4" fmla="*/ 11542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7 w 10008"/>
              <a:gd name="connsiteY2" fmla="*/ 9859 h 12993"/>
              <a:gd name="connsiteX3" fmla="*/ 9424 w 10008"/>
              <a:gd name="connsiteY3" fmla="*/ 10823 h 12993"/>
              <a:gd name="connsiteX4" fmla="*/ 8951 w 10008"/>
              <a:gd name="connsiteY4" fmla="*/ 11542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7 w 10008"/>
              <a:gd name="connsiteY2" fmla="*/ 9859 h 12993"/>
              <a:gd name="connsiteX3" fmla="*/ 9424 w 10008"/>
              <a:gd name="connsiteY3" fmla="*/ 10823 h 12993"/>
              <a:gd name="connsiteX4" fmla="*/ 8951 w 10008"/>
              <a:gd name="connsiteY4" fmla="*/ 11542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7 w 10008"/>
              <a:gd name="connsiteY2" fmla="*/ 9859 h 12993"/>
              <a:gd name="connsiteX3" fmla="*/ 9344 w 10008"/>
              <a:gd name="connsiteY3" fmla="*/ 10976 h 12993"/>
              <a:gd name="connsiteX4" fmla="*/ 8951 w 10008"/>
              <a:gd name="connsiteY4" fmla="*/ 11542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7 w 10008"/>
              <a:gd name="connsiteY2" fmla="*/ 9859 h 12993"/>
              <a:gd name="connsiteX3" fmla="*/ 9344 w 10008"/>
              <a:gd name="connsiteY3" fmla="*/ 10976 h 12993"/>
              <a:gd name="connsiteX4" fmla="*/ 8951 w 10008"/>
              <a:gd name="connsiteY4" fmla="*/ 11542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7 w 10008"/>
              <a:gd name="connsiteY2" fmla="*/ 9859 h 12993"/>
              <a:gd name="connsiteX3" fmla="*/ 9344 w 10008"/>
              <a:gd name="connsiteY3" fmla="*/ 10976 h 12993"/>
              <a:gd name="connsiteX4" fmla="*/ 8536 w 10008"/>
              <a:gd name="connsiteY4" fmla="*/ 12013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7 w 10008"/>
              <a:gd name="connsiteY2" fmla="*/ 9859 h 12993"/>
              <a:gd name="connsiteX3" fmla="*/ 9344 w 10008"/>
              <a:gd name="connsiteY3" fmla="*/ 10976 h 12993"/>
              <a:gd name="connsiteX4" fmla="*/ 8536 w 10008"/>
              <a:gd name="connsiteY4" fmla="*/ 12013 h 12993"/>
              <a:gd name="connsiteX5" fmla="*/ 8206 w 10008"/>
              <a:gd name="connsiteY5" fmla="*/ 12262 h 12993"/>
              <a:gd name="connsiteX6" fmla="*/ 7420 w 10008"/>
              <a:gd name="connsiteY6" fmla="*/ 12844 h 12993"/>
              <a:gd name="connsiteX7" fmla="*/ 6424 w 10008"/>
              <a:gd name="connsiteY7" fmla="*/ 12947 h 12993"/>
              <a:gd name="connsiteX8" fmla="*/ 5296 w 10008"/>
              <a:gd name="connsiteY8" fmla="*/ 12741 h 12993"/>
              <a:gd name="connsiteX9" fmla="*/ 4108 w 10008"/>
              <a:gd name="connsiteY9" fmla="*/ 12296 h 12993"/>
              <a:gd name="connsiteX10" fmla="*/ 3191 w 10008"/>
              <a:gd name="connsiteY10" fmla="*/ 11542 h 12993"/>
              <a:gd name="connsiteX11" fmla="*/ 2295 w 10008"/>
              <a:gd name="connsiteY11" fmla="*/ 10652 h 12993"/>
              <a:gd name="connsiteX12" fmla="*/ 1309 w 10008"/>
              <a:gd name="connsiteY12" fmla="*/ 9316 h 12993"/>
              <a:gd name="connsiteX13" fmla="*/ 0 w 10008"/>
              <a:gd name="connsiteY13" fmla="*/ 7020 h 12993"/>
              <a:gd name="connsiteX14" fmla="*/ 20 w 10008"/>
              <a:gd name="connsiteY14" fmla="*/ 61 h 12993"/>
              <a:gd name="connsiteX0" fmla="*/ 20 w 10008"/>
              <a:gd name="connsiteY0" fmla="*/ 61 h 12993"/>
              <a:gd name="connsiteX1" fmla="*/ 10008 w 10008"/>
              <a:gd name="connsiteY1" fmla="*/ 0 h 12993"/>
              <a:gd name="connsiteX2" fmla="*/ 10007 w 10008"/>
              <a:gd name="connsiteY2" fmla="*/ 9859 h 12993"/>
              <a:gd name="connsiteX3" fmla="*/ 9344 w 10008"/>
              <a:gd name="connsiteY3" fmla="*/ 10976 h 12993"/>
              <a:gd name="connsiteX4" fmla="*/ 8536 w 10008"/>
              <a:gd name="connsiteY4" fmla="*/ 12013 h 12993"/>
              <a:gd name="connsiteX5" fmla="*/ 7420 w 10008"/>
              <a:gd name="connsiteY5" fmla="*/ 12844 h 12993"/>
              <a:gd name="connsiteX6" fmla="*/ 6424 w 10008"/>
              <a:gd name="connsiteY6" fmla="*/ 12947 h 12993"/>
              <a:gd name="connsiteX7" fmla="*/ 5296 w 10008"/>
              <a:gd name="connsiteY7" fmla="*/ 12741 h 12993"/>
              <a:gd name="connsiteX8" fmla="*/ 4108 w 10008"/>
              <a:gd name="connsiteY8" fmla="*/ 12296 h 12993"/>
              <a:gd name="connsiteX9" fmla="*/ 3191 w 10008"/>
              <a:gd name="connsiteY9" fmla="*/ 11542 h 12993"/>
              <a:gd name="connsiteX10" fmla="*/ 2295 w 10008"/>
              <a:gd name="connsiteY10" fmla="*/ 10652 h 12993"/>
              <a:gd name="connsiteX11" fmla="*/ 1309 w 10008"/>
              <a:gd name="connsiteY11" fmla="*/ 9316 h 12993"/>
              <a:gd name="connsiteX12" fmla="*/ 0 w 10008"/>
              <a:gd name="connsiteY12" fmla="*/ 7020 h 12993"/>
              <a:gd name="connsiteX13" fmla="*/ 20 w 10008"/>
              <a:gd name="connsiteY13" fmla="*/ 61 h 12993"/>
              <a:gd name="connsiteX0" fmla="*/ 20 w 10008"/>
              <a:gd name="connsiteY0" fmla="*/ 61 h 12993"/>
              <a:gd name="connsiteX1" fmla="*/ 10008 w 10008"/>
              <a:gd name="connsiteY1" fmla="*/ 0 h 12993"/>
              <a:gd name="connsiteX2" fmla="*/ 10007 w 10008"/>
              <a:gd name="connsiteY2" fmla="*/ 9859 h 12993"/>
              <a:gd name="connsiteX3" fmla="*/ 9344 w 10008"/>
              <a:gd name="connsiteY3" fmla="*/ 10976 h 12993"/>
              <a:gd name="connsiteX4" fmla="*/ 8114 w 10008"/>
              <a:gd name="connsiteY4" fmla="*/ 12343 h 12993"/>
              <a:gd name="connsiteX5" fmla="*/ 7420 w 10008"/>
              <a:gd name="connsiteY5" fmla="*/ 12844 h 12993"/>
              <a:gd name="connsiteX6" fmla="*/ 6424 w 10008"/>
              <a:gd name="connsiteY6" fmla="*/ 12947 h 12993"/>
              <a:gd name="connsiteX7" fmla="*/ 5296 w 10008"/>
              <a:gd name="connsiteY7" fmla="*/ 12741 h 12993"/>
              <a:gd name="connsiteX8" fmla="*/ 4108 w 10008"/>
              <a:gd name="connsiteY8" fmla="*/ 12296 h 12993"/>
              <a:gd name="connsiteX9" fmla="*/ 3191 w 10008"/>
              <a:gd name="connsiteY9" fmla="*/ 11542 h 12993"/>
              <a:gd name="connsiteX10" fmla="*/ 2295 w 10008"/>
              <a:gd name="connsiteY10" fmla="*/ 10652 h 12993"/>
              <a:gd name="connsiteX11" fmla="*/ 1309 w 10008"/>
              <a:gd name="connsiteY11" fmla="*/ 9316 h 12993"/>
              <a:gd name="connsiteX12" fmla="*/ 0 w 10008"/>
              <a:gd name="connsiteY12" fmla="*/ 7020 h 12993"/>
              <a:gd name="connsiteX13" fmla="*/ 20 w 10008"/>
              <a:gd name="connsiteY13" fmla="*/ 61 h 12993"/>
              <a:gd name="connsiteX0" fmla="*/ 20 w 10008"/>
              <a:gd name="connsiteY0" fmla="*/ 61 h 12993"/>
              <a:gd name="connsiteX1" fmla="*/ 10008 w 10008"/>
              <a:gd name="connsiteY1" fmla="*/ 0 h 12993"/>
              <a:gd name="connsiteX2" fmla="*/ 10007 w 10008"/>
              <a:gd name="connsiteY2" fmla="*/ 9859 h 12993"/>
              <a:gd name="connsiteX3" fmla="*/ 9344 w 10008"/>
              <a:gd name="connsiteY3" fmla="*/ 10976 h 12993"/>
              <a:gd name="connsiteX4" fmla="*/ 8114 w 10008"/>
              <a:gd name="connsiteY4" fmla="*/ 12343 h 12993"/>
              <a:gd name="connsiteX5" fmla="*/ 7420 w 10008"/>
              <a:gd name="connsiteY5" fmla="*/ 12844 h 12993"/>
              <a:gd name="connsiteX6" fmla="*/ 6424 w 10008"/>
              <a:gd name="connsiteY6" fmla="*/ 12947 h 12993"/>
              <a:gd name="connsiteX7" fmla="*/ 5296 w 10008"/>
              <a:gd name="connsiteY7" fmla="*/ 12741 h 12993"/>
              <a:gd name="connsiteX8" fmla="*/ 4108 w 10008"/>
              <a:gd name="connsiteY8" fmla="*/ 12296 h 12993"/>
              <a:gd name="connsiteX9" fmla="*/ 3191 w 10008"/>
              <a:gd name="connsiteY9" fmla="*/ 11542 h 12993"/>
              <a:gd name="connsiteX10" fmla="*/ 2295 w 10008"/>
              <a:gd name="connsiteY10" fmla="*/ 10652 h 12993"/>
              <a:gd name="connsiteX11" fmla="*/ 1309 w 10008"/>
              <a:gd name="connsiteY11" fmla="*/ 9316 h 12993"/>
              <a:gd name="connsiteX12" fmla="*/ 0 w 10008"/>
              <a:gd name="connsiteY12" fmla="*/ 7020 h 12993"/>
              <a:gd name="connsiteX13" fmla="*/ 20 w 10008"/>
              <a:gd name="connsiteY13" fmla="*/ 61 h 12993"/>
              <a:gd name="connsiteX0" fmla="*/ 20 w 10008"/>
              <a:gd name="connsiteY0" fmla="*/ 61 h 12993"/>
              <a:gd name="connsiteX1" fmla="*/ 10008 w 10008"/>
              <a:gd name="connsiteY1" fmla="*/ 0 h 12993"/>
              <a:gd name="connsiteX2" fmla="*/ 10007 w 10008"/>
              <a:gd name="connsiteY2" fmla="*/ 9859 h 12993"/>
              <a:gd name="connsiteX3" fmla="*/ 9344 w 10008"/>
              <a:gd name="connsiteY3" fmla="*/ 10976 h 12993"/>
              <a:gd name="connsiteX4" fmla="*/ 8104 w 10008"/>
              <a:gd name="connsiteY4" fmla="*/ 12425 h 12993"/>
              <a:gd name="connsiteX5" fmla="*/ 7420 w 10008"/>
              <a:gd name="connsiteY5" fmla="*/ 12844 h 12993"/>
              <a:gd name="connsiteX6" fmla="*/ 6424 w 10008"/>
              <a:gd name="connsiteY6" fmla="*/ 12947 h 12993"/>
              <a:gd name="connsiteX7" fmla="*/ 5296 w 10008"/>
              <a:gd name="connsiteY7" fmla="*/ 12741 h 12993"/>
              <a:gd name="connsiteX8" fmla="*/ 4108 w 10008"/>
              <a:gd name="connsiteY8" fmla="*/ 12296 h 12993"/>
              <a:gd name="connsiteX9" fmla="*/ 3191 w 10008"/>
              <a:gd name="connsiteY9" fmla="*/ 11542 h 12993"/>
              <a:gd name="connsiteX10" fmla="*/ 2295 w 10008"/>
              <a:gd name="connsiteY10" fmla="*/ 10652 h 12993"/>
              <a:gd name="connsiteX11" fmla="*/ 1309 w 10008"/>
              <a:gd name="connsiteY11" fmla="*/ 9316 h 12993"/>
              <a:gd name="connsiteX12" fmla="*/ 0 w 10008"/>
              <a:gd name="connsiteY12" fmla="*/ 7020 h 12993"/>
              <a:gd name="connsiteX13" fmla="*/ 20 w 10008"/>
              <a:gd name="connsiteY13" fmla="*/ 61 h 12993"/>
              <a:gd name="connsiteX0" fmla="*/ 20 w 10008"/>
              <a:gd name="connsiteY0" fmla="*/ 61 h 13006"/>
              <a:gd name="connsiteX1" fmla="*/ 10008 w 10008"/>
              <a:gd name="connsiteY1" fmla="*/ 0 h 13006"/>
              <a:gd name="connsiteX2" fmla="*/ 10007 w 10008"/>
              <a:gd name="connsiteY2" fmla="*/ 9859 h 13006"/>
              <a:gd name="connsiteX3" fmla="*/ 9344 w 10008"/>
              <a:gd name="connsiteY3" fmla="*/ 10976 h 13006"/>
              <a:gd name="connsiteX4" fmla="*/ 8104 w 10008"/>
              <a:gd name="connsiteY4" fmla="*/ 12425 h 13006"/>
              <a:gd name="connsiteX5" fmla="*/ 7022 w 10008"/>
              <a:gd name="connsiteY5" fmla="*/ 12974 h 13006"/>
              <a:gd name="connsiteX6" fmla="*/ 6424 w 10008"/>
              <a:gd name="connsiteY6" fmla="*/ 12947 h 13006"/>
              <a:gd name="connsiteX7" fmla="*/ 5296 w 10008"/>
              <a:gd name="connsiteY7" fmla="*/ 12741 h 13006"/>
              <a:gd name="connsiteX8" fmla="*/ 4108 w 10008"/>
              <a:gd name="connsiteY8" fmla="*/ 12296 h 13006"/>
              <a:gd name="connsiteX9" fmla="*/ 3191 w 10008"/>
              <a:gd name="connsiteY9" fmla="*/ 11542 h 13006"/>
              <a:gd name="connsiteX10" fmla="*/ 2295 w 10008"/>
              <a:gd name="connsiteY10" fmla="*/ 10652 h 13006"/>
              <a:gd name="connsiteX11" fmla="*/ 1309 w 10008"/>
              <a:gd name="connsiteY11" fmla="*/ 9316 h 13006"/>
              <a:gd name="connsiteX12" fmla="*/ 0 w 10008"/>
              <a:gd name="connsiteY12" fmla="*/ 7020 h 13006"/>
              <a:gd name="connsiteX13" fmla="*/ 20 w 10008"/>
              <a:gd name="connsiteY13" fmla="*/ 61 h 13006"/>
              <a:gd name="connsiteX0" fmla="*/ 20 w 10008"/>
              <a:gd name="connsiteY0" fmla="*/ 61 h 13016"/>
              <a:gd name="connsiteX1" fmla="*/ 10008 w 10008"/>
              <a:gd name="connsiteY1" fmla="*/ 0 h 13016"/>
              <a:gd name="connsiteX2" fmla="*/ 10007 w 10008"/>
              <a:gd name="connsiteY2" fmla="*/ 9859 h 13016"/>
              <a:gd name="connsiteX3" fmla="*/ 9344 w 10008"/>
              <a:gd name="connsiteY3" fmla="*/ 10976 h 13016"/>
              <a:gd name="connsiteX4" fmla="*/ 8104 w 10008"/>
              <a:gd name="connsiteY4" fmla="*/ 12425 h 13016"/>
              <a:gd name="connsiteX5" fmla="*/ 7022 w 10008"/>
              <a:gd name="connsiteY5" fmla="*/ 12974 h 13016"/>
              <a:gd name="connsiteX6" fmla="*/ 5874 w 10008"/>
              <a:gd name="connsiteY6" fmla="*/ 12959 h 13016"/>
              <a:gd name="connsiteX7" fmla="*/ 5296 w 10008"/>
              <a:gd name="connsiteY7" fmla="*/ 12741 h 13016"/>
              <a:gd name="connsiteX8" fmla="*/ 4108 w 10008"/>
              <a:gd name="connsiteY8" fmla="*/ 12296 h 13016"/>
              <a:gd name="connsiteX9" fmla="*/ 3191 w 10008"/>
              <a:gd name="connsiteY9" fmla="*/ 11542 h 13016"/>
              <a:gd name="connsiteX10" fmla="*/ 2295 w 10008"/>
              <a:gd name="connsiteY10" fmla="*/ 10652 h 13016"/>
              <a:gd name="connsiteX11" fmla="*/ 1309 w 10008"/>
              <a:gd name="connsiteY11" fmla="*/ 9316 h 13016"/>
              <a:gd name="connsiteX12" fmla="*/ 0 w 10008"/>
              <a:gd name="connsiteY12" fmla="*/ 7020 h 13016"/>
              <a:gd name="connsiteX13" fmla="*/ 20 w 10008"/>
              <a:gd name="connsiteY13" fmla="*/ 61 h 13016"/>
              <a:gd name="connsiteX0" fmla="*/ 20 w 10008"/>
              <a:gd name="connsiteY0" fmla="*/ 61 h 12983"/>
              <a:gd name="connsiteX1" fmla="*/ 10008 w 10008"/>
              <a:gd name="connsiteY1" fmla="*/ 0 h 12983"/>
              <a:gd name="connsiteX2" fmla="*/ 10007 w 10008"/>
              <a:gd name="connsiteY2" fmla="*/ 9859 h 12983"/>
              <a:gd name="connsiteX3" fmla="*/ 9344 w 10008"/>
              <a:gd name="connsiteY3" fmla="*/ 10976 h 12983"/>
              <a:gd name="connsiteX4" fmla="*/ 8104 w 10008"/>
              <a:gd name="connsiteY4" fmla="*/ 12425 h 12983"/>
              <a:gd name="connsiteX5" fmla="*/ 7022 w 10008"/>
              <a:gd name="connsiteY5" fmla="*/ 12974 h 12983"/>
              <a:gd name="connsiteX6" fmla="*/ 5296 w 10008"/>
              <a:gd name="connsiteY6" fmla="*/ 12741 h 12983"/>
              <a:gd name="connsiteX7" fmla="*/ 4108 w 10008"/>
              <a:gd name="connsiteY7" fmla="*/ 12296 h 12983"/>
              <a:gd name="connsiteX8" fmla="*/ 3191 w 10008"/>
              <a:gd name="connsiteY8" fmla="*/ 11542 h 12983"/>
              <a:gd name="connsiteX9" fmla="*/ 2295 w 10008"/>
              <a:gd name="connsiteY9" fmla="*/ 10652 h 12983"/>
              <a:gd name="connsiteX10" fmla="*/ 1309 w 10008"/>
              <a:gd name="connsiteY10" fmla="*/ 9316 h 12983"/>
              <a:gd name="connsiteX11" fmla="*/ 0 w 10008"/>
              <a:gd name="connsiteY11" fmla="*/ 7020 h 12983"/>
              <a:gd name="connsiteX12" fmla="*/ 20 w 10008"/>
              <a:gd name="connsiteY12" fmla="*/ 61 h 12983"/>
              <a:gd name="connsiteX0" fmla="*/ 20 w 10008"/>
              <a:gd name="connsiteY0" fmla="*/ 61 h 13009"/>
              <a:gd name="connsiteX1" fmla="*/ 10008 w 10008"/>
              <a:gd name="connsiteY1" fmla="*/ 0 h 13009"/>
              <a:gd name="connsiteX2" fmla="*/ 10007 w 10008"/>
              <a:gd name="connsiteY2" fmla="*/ 9859 h 13009"/>
              <a:gd name="connsiteX3" fmla="*/ 9344 w 10008"/>
              <a:gd name="connsiteY3" fmla="*/ 10976 h 13009"/>
              <a:gd name="connsiteX4" fmla="*/ 8104 w 10008"/>
              <a:gd name="connsiteY4" fmla="*/ 12425 h 13009"/>
              <a:gd name="connsiteX5" fmla="*/ 7022 w 10008"/>
              <a:gd name="connsiteY5" fmla="*/ 12974 h 13009"/>
              <a:gd name="connsiteX6" fmla="*/ 5459 w 10008"/>
              <a:gd name="connsiteY6" fmla="*/ 12918 h 13009"/>
              <a:gd name="connsiteX7" fmla="*/ 4108 w 10008"/>
              <a:gd name="connsiteY7" fmla="*/ 12296 h 13009"/>
              <a:gd name="connsiteX8" fmla="*/ 3191 w 10008"/>
              <a:gd name="connsiteY8" fmla="*/ 11542 h 13009"/>
              <a:gd name="connsiteX9" fmla="*/ 2295 w 10008"/>
              <a:gd name="connsiteY9" fmla="*/ 10652 h 13009"/>
              <a:gd name="connsiteX10" fmla="*/ 1309 w 10008"/>
              <a:gd name="connsiteY10" fmla="*/ 9316 h 13009"/>
              <a:gd name="connsiteX11" fmla="*/ 0 w 10008"/>
              <a:gd name="connsiteY11" fmla="*/ 7020 h 13009"/>
              <a:gd name="connsiteX12" fmla="*/ 20 w 10008"/>
              <a:gd name="connsiteY12" fmla="*/ 61 h 13009"/>
              <a:gd name="connsiteX0" fmla="*/ 20 w 10008"/>
              <a:gd name="connsiteY0" fmla="*/ 61 h 13009"/>
              <a:gd name="connsiteX1" fmla="*/ 10008 w 10008"/>
              <a:gd name="connsiteY1" fmla="*/ 0 h 13009"/>
              <a:gd name="connsiteX2" fmla="*/ 10007 w 10008"/>
              <a:gd name="connsiteY2" fmla="*/ 9859 h 13009"/>
              <a:gd name="connsiteX3" fmla="*/ 9344 w 10008"/>
              <a:gd name="connsiteY3" fmla="*/ 10976 h 13009"/>
              <a:gd name="connsiteX4" fmla="*/ 8104 w 10008"/>
              <a:gd name="connsiteY4" fmla="*/ 12425 h 13009"/>
              <a:gd name="connsiteX5" fmla="*/ 7022 w 10008"/>
              <a:gd name="connsiteY5" fmla="*/ 12974 h 13009"/>
              <a:gd name="connsiteX6" fmla="*/ 5459 w 10008"/>
              <a:gd name="connsiteY6" fmla="*/ 12918 h 13009"/>
              <a:gd name="connsiteX7" fmla="*/ 3976 w 10008"/>
              <a:gd name="connsiteY7" fmla="*/ 12308 h 13009"/>
              <a:gd name="connsiteX8" fmla="*/ 3191 w 10008"/>
              <a:gd name="connsiteY8" fmla="*/ 11542 h 13009"/>
              <a:gd name="connsiteX9" fmla="*/ 2295 w 10008"/>
              <a:gd name="connsiteY9" fmla="*/ 10652 h 13009"/>
              <a:gd name="connsiteX10" fmla="*/ 1309 w 10008"/>
              <a:gd name="connsiteY10" fmla="*/ 9316 h 13009"/>
              <a:gd name="connsiteX11" fmla="*/ 0 w 10008"/>
              <a:gd name="connsiteY11" fmla="*/ 7020 h 13009"/>
              <a:gd name="connsiteX12" fmla="*/ 20 w 10008"/>
              <a:gd name="connsiteY12" fmla="*/ 61 h 13009"/>
              <a:gd name="connsiteX0" fmla="*/ 20 w 10008"/>
              <a:gd name="connsiteY0" fmla="*/ 61 h 13009"/>
              <a:gd name="connsiteX1" fmla="*/ 10008 w 10008"/>
              <a:gd name="connsiteY1" fmla="*/ 0 h 13009"/>
              <a:gd name="connsiteX2" fmla="*/ 10007 w 10008"/>
              <a:gd name="connsiteY2" fmla="*/ 9859 h 13009"/>
              <a:gd name="connsiteX3" fmla="*/ 9344 w 10008"/>
              <a:gd name="connsiteY3" fmla="*/ 10976 h 13009"/>
              <a:gd name="connsiteX4" fmla="*/ 8104 w 10008"/>
              <a:gd name="connsiteY4" fmla="*/ 12425 h 13009"/>
              <a:gd name="connsiteX5" fmla="*/ 7022 w 10008"/>
              <a:gd name="connsiteY5" fmla="*/ 12974 h 13009"/>
              <a:gd name="connsiteX6" fmla="*/ 5459 w 10008"/>
              <a:gd name="connsiteY6" fmla="*/ 12918 h 13009"/>
              <a:gd name="connsiteX7" fmla="*/ 3191 w 10008"/>
              <a:gd name="connsiteY7" fmla="*/ 11542 h 13009"/>
              <a:gd name="connsiteX8" fmla="*/ 2295 w 10008"/>
              <a:gd name="connsiteY8" fmla="*/ 10652 h 13009"/>
              <a:gd name="connsiteX9" fmla="*/ 1309 w 10008"/>
              <a:gd name="connsiteY9" fmla="*/ 9316 h 13009"/>
              <a:gd name="connsiteX10" fmla="*/ 0 w 10008"/>
              <a:gd name="connsiteY10" fmla="*/ 7020 h 13009"/>
              <a:gd name="connsiteX11" fmla="*/ 20 w 10008"/>
              <a:gd name="connsiteY11" fmla="*/ 61 h 13009"/>
              <a:gd name="connsiteX0" fmla="*/ 20 w 10008"/>
              <a:gd name="connsiteY0" fmla="*/ 61 h 13009"/>
              <a:gd name="connsiteX1" fmla="*/ 10008 w 10008"/>
              <a:gd name="connsiteY1" fmla="*/ 0 h 13009"/>
              <a:gd name="connsiteX2" fmla="*/ 10007 w 10008"/>
              <a:gd name="connsiteY2" fmla="*/ 9859 h 13009"/>
              <a:gd name="connsiteX3" fmla="*/ 9344 w 10008"/>
              <a:gd name="connsiteY3" fmla="*/ 10976 h 13009"/>
              <a:gd name="connsiteX4" fmla="*/ 8104 w 10008"/>
              <a:gd name="connsiteY4" fmla="*/ 12425 h 13009"/>
              <a:gd name="connsiteX5" fmla="*/ 7022 w 10008"/>
              <a:gd name="connsiteY5" fmla="*/ 12974 h 13009"/>
              <a:gd name="connsiteX6" fmla="*/ 5459 w 10008"/>
              <a:gd name="connsiteY6" fmla="*/ 12918 h 13009"/>
              <a:gd name="connsiteX7" fmla="*/ 3956 w 10008"/>
              <a:gd name="connsiteY7" fmla="*/ 12201 h 13009"/>
              <a:gd name="connsiteX8" fmla="*/ 2295 w 10008"/>
              <a:gd name="connsiteY8" fmla="*/ 10652 h 13009"/>
              <a:gd name="connsiteX9" fmla="*/ 1309 w 10008"/>
              <a:gd name="connsiteY9" fmla="*/ 9316 h 13009"/>
              <a:gd name="connsiteX10" fmla="*/ 0 w 10008"/>
              <a:gd name="connsiteY10" fmla="*/ 7020 h 13009"/>
              <a:gd name="connsiteX11" fmla="*/ 20 w 10008"/>
              <a:gd name="connsiteY11" fmla="*/ 61 h 13009"/>
              <a:gd name="connsiteX0" fmla="*/ 20 w 10008"/>
              <a:gd name="connsiteY0" fmla="*/ 61 h 13009"/>
              <a:gd name="connsiteX1" fmla="*/ 10008 w 10008"/>
              <a:gd name="connsiteY1" fmla="*/ 0 h 13009"/>
              <a:gd name="connsiteX2" fmla="*/ 10007 w 10008"/>
              <a:gd name="connsiteY2" fmla="*/ 9859 h 13009"/>
              <a:gd name="connsiteX3" fmla="*/ 9344 w 10008"/>
              <a:gd name="connsiteY3" fmla="*/ 10976 h 13009"/>
              <a:gd name="connsiteX4" fmla="*/ 8104 w 10008"/>
              <a:gd name="connsiteY4" fmla="*/ 12425 h 13009"/>
              <a:gd name="connsiteX5" fmla="*/ 7022 w 10008"/>
              <a:gd name="connsiteY5" fmla="*/ 12974 h 13009"/>
              <a:gd name="connsiteX6" fmla="*/ 5459 w 10008"/>
              <a:gd name="connsiteY6" fmla="*/ 12918 h 13009"/>
              <a:gd name="connsiteX7" fmla="*/ 3887 w 10008"/>
              <a:gd name="connsiteY7" fmla="*/ 12142 h 13009"/>
              <a:gd name="connsiteX8" fmla="*/ 2295 w 10008"/>
              <a:gd name="connsiteY8" fmla="*/ 10652 h 13009"/>
              <a:gd name="connsiteX9" fmla="*/ 1309 w 10008"/>
              <a:gd name="connsiteY9" fmla="*/ 9316 h 13009"/>
              <a:gd name="connsiteX10" fmla="*/ 0 w 10008"/>
              <a:gd name="connsiteY10" fmla="*/ 7020 h 13009"/>
              <a:gd name="connsiteX11" fmla="*/ 20 w 10008"/>
              <a:gd name="connsiteY11" fmla="*/ 61 h 13009"/>
              <a:gd name="connsiteX0" fmla="*/ 20 w 10008"/>
              <a:gd name="connsiteY0" fmla="*/ 61 h 13009"/>
              <a:gd name="connsiteX1" fmla="*/ 10008 w 10008"/>
              <a:gd name="connsiteY1" fmla="*/ 0 h 13009"/>
              <a:gd name="connsiteX2" fmla="*/ 10007 w 10008"/>
              <a:gd name="connsiteY2" fmla="*/ 9859 h 13009"/>
              <a:gd name="connsiteX3" fmla="*/ 9344 w 10008"/>
              <a:gd name="connsiteY3" fmla="*/ 10976 h 13009"/>
              <a:gd name="connsiteX4" fmla="*/ 8104 w 10008"/>
              <a:gd name="connsiteY4" fmla="*/ 12425 h 13009"/>
              <a:gd name="connsiteX5" fmla="*/ 7022 w 10008"/>
              <a:gd name="connsiteY5" fmla="*/ 12974 h 13009"/>
              <a:gd name="connsiteX6" fmla="*/ 5459 w 10008"/>
              <a:gd name="connsiteY6" fmla="*/ 12918 h 13009"/>
              <a:gd name="connsiteX7" fmla="*/ 3887 w 10008"/>
              <a:gd name="connsiteY7" fmla="*/ 12142 h 13009"/>
              <a:gd name="connsiteX8" fmla="*/ 3129 w 10008"/>
              <a:gd name="connsiteY8" fmla="*/ 11982 h 13009"/>
              <a:gd name="connsiteX9" fmla="*/ 1309 w 10008"/>
              <a:gd name="connsiteY9" fmla="*/ 9316 h 13009"/>
              <a:gd name="connsiteX10" fmla="*/ 0 w 10008"/>
              <a:gd name="connsiteY10" fmla="*/ 7020 h 13009"/>
              <a:gd name="connsiteX11" fmla="*/ 20 w 10008"/>
              <a:gd name="connsiteY11" fmla="*/ 61 h 13009"/>
              <a:gd name="connsiteX0" fmla="*/ 20 w 10008"/>
              <a:gd name="connsiteY0" fmla="*/ 61 h 13009"/>
              <a:gd name="connsiteX1" fmla="*/ 10008 w 10008"/>
              <a:gd name="connsiteY1" fmla="*/ 0 h 13009"/>
              <a:gd name="connsiteX2" fmla="*/ 10007 w 10008"/>
              <a:gd name="connsiteY2" fmla="*/ 9859 h 13009"/>
              <a:gd name="connsiteX3" fmla="*/ 9344 w 10008"/>
              <a:gd name="connsiteY3" fmla="*/ 10976 h 13009"/>
              <a:gd name="connsiteX4" fmla="*/ 8104 w 10008"/>
              <a:gd name="connsiteY4" fmla="*/ 12425 h 13009"/>
              <a:gd name="connsiteX5" fmla="*/ 7022 w 10008"/>
              <a:gd name="connsiteY5" fmla="*/ 12974 h 13009"/>
              <a:gd name="connsiteX6" fmla="*/ 5459 w 10008"/>
              <a:gd name="connsiteY6" fmla="*/ 12918 h 13009"/>
              <a:gd name="connsiteX7" fmla="*/ 3887 w 10008"/>
              <a:gd name="connsiteY7" fmla="*/ 12142 h 13009"/>
              <a:gd name="connsiteX8" fmla="*/ 1309 w 10008"/>
              <a:gd name="connsiteY8" fmla="*/ 9316 h 13009"/>
              <a:gd name="connsiteX9" fmla="*/ 0 w 10008"/>
              <a:gd name="connsiteY9" fmla="*/ 7020 h 13009"/>
              <a:gd name="connsiteX10" fmla="*/ 20 w 10008"/>
              <a:gd name="connsiteY10" fmla="*/ 61 h 13009"/>
              <a:gd name="connsiteX0" fmla="*/ 20 w 10008"/>
              <a:gd name="connsiteY0" fmla="*/ 61 h 13009"/>
              <a:gd name="connsiteX1" fmla="*/ 10008 w 10008"/>
              <a:gd name="connsiteY1" fmla="*/ 0 h 13009"/>
              <a:gd name="connsiteX2" fmla="*/ 10007 w 10008"/>
              <a:gd name="connsiteY2" fmla="*/ 9859 h 13009"/>
              <a:gd name="connsiteX3" fmla="*/ 9344 w 10008"/>
              <a:gd name="connsiteY3" fmla="*/ 10976 h 13009"/>
              <a:gd name="connsiteX4" fmla="*/ 8104 w 10008"/>
              <a:gd name="connsiteY4" fmla="*/ 12425 h 13009"/>
              <a:gd name="connsiteX5" fmla="*/ 7022 w 10008"/>
              <a:gd name="connsiteY5" fmla="*/ 12974 h 13009"/>
              <a:gd name="connsiteX6" fmla="*/ 5459 w 10008"/>
              <a:gd name="connsiteY6" fmla="*/ 12918 h 13009"/>
              <a:gd name="connsiteX7" fmla="*/ 3887 w 10008"/>
              <a:gd name="connsiteY7" fmla="*/ 12142 h 13009"/>
              <a:gd name="connsiteX8" fmla="*/ 2549 w 10008"/>
              <a:gd name="connsiteY8" fmla="*/ 10938 h 13009"/>
              <a:gd name="connsiteX9" fmla="*/ 1309 w 10008"/>
              <a:gd name="connsiteY9" fmla="*/ 9316 h 13009"/>
              <a:gd name="connsiteX10" fmla="*/ 0 w 10008"/>
              <a:gd name="connsiteY10" fmla="*/ 7020 h 13009"/>
              <a:gd name="connsiteX11" fmla="*/ 20 w 10008"/>
              <a:gd name="connsiteY11" fmla="*/ 61 h 13009"/>
              <a:gd name="connsiteX0" fmla="*/ 20 w 10008"/>
              <a:gd name="connsiteY0" fmla="*/ 61 h 13009"/>
              <a:gd name="connsiteX1" fmla="*/ 10008 w 10008"/>
              <a:gd name="connsiteY1" fmla="*/ 0 h 13009"/>
              <a:gd name="connsiteX2" fmla="*/ 10007 w 10008"/>
              <a:gd name="connsiteY2" fmla="*/ 9859 h 13009"/>
              <a:gd name="connsiteX3" fmla="*/ 9344 w 10008"/>
              <a:gd name="connsiteY3" fmla="*/ 10976 h 13009"/>
              <a:gd name="connsiteX4" fmla="*/ 8104 w 10008"/>
              <a:gd name="connsiteY4" fmla="*/ 12425 h 13009"/>
              <a:gd name="connsiteX5" fmla="*/ 7022 w 10008"/>
              <a:gd name="connsiteY5" fmla="*/ 12974 h 13009"/>
              <a:gd name="connsiteX6" fmla="*/ 5459 w 10008"/>
              <a:gd name="connsiteY6" fmla="*/ 12918 h 13009"/>
              <a:gd name="connsiteX7" fmla="*/ 3887 w 10008"/>
              <a:gd name="connsiteY7" fmla="*/ 12142 h 13009"/>
              <a:gd name="connsiteX8" fmla="*/ 2549 w 10008"/>
              <a:gd name="connsiteY8" fmla="*/ 10938 h 13009"/>
              <a:gd name="connsiteX9" fmla="*/ 1271 w 10008"/>
              <a:gd name="connsiteY9" fmla="*/ 9257 h 13009"/>
              <a:gd name="connsiteX10" fmla="*/ 0 w 10008"/>
              <a:gd name="connsiteY10" fmla="*/ 7020 h 13009"/>
              <a:gd name="connsiteX11" fmla="*/ 20 w 10008"/>
              <a:gd name="connsiteY11" fmla="*/ 61 h 13009"/>
              <a:gd name="connsiteX0" fmla="*/ 30 w 10018"/>
              <a:gd name="connsiteY0" fmla="*/ 61 h 13009"/>
              <a:gd name="connsiteX1" fmla="*/ 10018 w 10018"/>
              <a:gd name="connsiteY1" fmla="*/ 0 h 13009"/>
              <a:gd name="connsiteX2" fmla="*/ 10017 w 10018"/>
              <a:gd name="connsiteY2" fmla="*/ 9859 h 13009"/>
              <a:gd name="connsiteX3" fmla="*/ 9354 w 10018"/>
              <a:gd name="connsiteY3" fmla="*/ 10976 h 13009"/>
              <a:gd name="connsiteX4" fmla="*/ 8114 w 10018"/>
              <a:gd name="connsiteY4" fmla="*/ 12425 h 13009"/>
              <a:gd name="connsiteX5" fmla="*/ 7032 w 10018"/>
              <a:gd name="connsiteY5" fmla="*/ 12974 h 13009"/>
              <a:gd name="connsiteX6" fmla="*/ 5469 w 10018"/>
              <a:gd name="connsiteY6" fmla="*/ 12918 h 13009"/>
              <a:gd name="connsiteX7" fmla="*/ 3897 w 10018"/>
              <a:gd name="connsiteY7" fmla="*/ 12142 h 13009"/>
              <a:gd name="connsiteX8" fmla="*/ 2559 w 10018"/>
              <a:gd name="connsiteY8" fmla="*/ 10938 h 13009"/>
              <a:gd name="connsiteX9" fmla="*/ 1281 w 10018"/>
              <a:gd name="connsiteY9" fmla="*/ 9257 h 13009"/>
              <a:gd name="connsiteX10" fmla="*/ 0 w 10018"/>
              <a:gd name="connsiteY10" fmla="*/ 7008 h 13009"/>
              <a:gd name="connsiteX11" fmla="*/ 30 w 10018"/>
              <a:gd name="connsiteY11" fmla="*/ 61 h 13009"/>
              <a:gd name="connsiteX0" fmla="*/ 30 w 10018"/>
              <a:gd name="connsiteY0" fmla="*/ 61 h 13009"/>
              <a:gd name="connsiteX1" fmla="*/ 10018 w 10018"/>
              <a:gd name="connsiteY1" fmla="*/ 0 h 13009"/>
              <a:gd name="connsiteX2" fmla="*/ 10017 w 10018"/>
              <a:gd name="connsiteY2" fmla="*/ 9859 h 13009"/>
              <a:gd name="connsiteX3" fmla="*/ 9354 w 10018"/>
              <a:gd name="connsiteY3" fmla="*/ 10976 h 13009"/>
              <a:gd name="connsiteX4" fmla="*/ 8114 w 10018"/>
              <a:gd name="connsiteY4" fmla="*/ 12425 h 13009"/>
              <a:gd name="connsiteX5" fmla="*/ 7032 w 10018"/>
              <a:gd name="connsiteY5" fmla="*/ 12974 h 13009"/>
              <a:gd name="connsiteX6" fmla="*/ 5469 w 10018"/>
              <a:gd name="connsiteY6" fmla="*/ 12918 h 13009"/>
              <a:gd name="connsiteX7" fmla="*/ 3897 w 10018"/>
              <a:gd name="connsiteY7" fmla="*/ 12142 h 13009"/>
              <a:gd name="connsiteX8" fmla="*/ 2559 w 10018"/>
              <a:gd name="connsiteY8" fmla="*/ 10938 h 13009"/>
              <a:gd name="connsiteX9" fmla="*/ 1281 w 10018"/>
              <a:gd name="connsiteY9" fmla="*/ 9257 h 13009"/>
              <a:gd name="connsiteX10" fmla="*/ 590 w 10018"/>
              <a:gd name="connsiteY10" fmla="*/ 8100 h 13009"/>
              <a:gd name="connsiteX11" fmla="*/ 0 w 10018"/>
              <a:gd name="connsiteY11" fmla="*/ 7008 h 13009"/>
              <a:gd name="connsiteX12" fmla="*/ 30 w 10018"/>
              <a:gd name="connsiteY12" fmla="*/ 61 h 13009"/>
              <a:gd name="connsiteX0" fmla="*/ 11 w 9999"/>
              <a:gd name="connsiteY0" fmla="*/ 61 h 13009"/>
              <a:gd name="connsiteX1" fmla="*/ 9999 w 9999"/>
              <a:gd name="connsiteY1" fmla="*/ 0 h 13009"/>
              <a:gd name="connsiteX2" fmla="*/ 9998 w 9999"/>
              <a:gd name="connsiteY2" fmla="*/ 9859 h 13009"/>
              <a:gd name="connsiteX3" fmla="*/ 9335 w 9999"/>
              <a:gd name="connsiteY3" fmla="*/ 10976 h 13009"/>
              <a:gd name="connsiteX4" fmla="*/ 8095 w 9999"/>
              <a:gd name="connsiteY4" fmla="*/ 12425 h 13009"/>
              <a:gd name="connsiteX5" fmla="*/ 7013 w 9999"/>
              <a:gd name="connsiteY5" fmla="*/ 12974 h 13009"/>
              <a:gd name="connsiteX6" fmla="*/ 5450 w 9999"/>
              <a:gd name="connsiteY6" fmla="*/ 12918 h 13009"/>
              <a:gd name="connsiteX7" fmla="*/ 3878 w 9999"/>
              <a:gd name="connsiteY7" fmla="*/ 12142 h 13009"/>
              <a:gd name="connsiteX8" fmla="*/ 2540 w 9999"/>
              <a:gd name="connsiteY8" fmla="*/ 10938 h 13009"/>
              <a:gd name="connsiteX9" fmla="*/ 1262 w 9999"/>
              <a:gd name="connsiteY9" fmla="*/ 9257 h 13009"/>
              <a:gd name="connsiteX10" fmla="*/ 571 w 9999"/>
              <a:gd name="connsiteY10" fmla="*/ 8100 h 13009"/>
              <a:gd name="connsiteX11" fmla="*/ 2 w 9999"/>
              <a:gd name="connsiteY11" fmla="*/ 6961 h 13009"/>
              <a:gd name="connsiteX12" fmla="*/ 11 w 9999"/>
              <a:gd name="connsiteY12" fmla="*/ 61 h 13009"/>
              <a:gd name="connsiteX0" fmla="*/ 11 w 10000"/>
              <a:gd name="connsiteY0" fmla="*/ 47 h 10000"/>
              <a:gd name="connsiteX1" fmla="*/ 10000 w 10000"/>
              <a:gd name="connsiteY1" fmla="*/ 0 h 10000"/>
              <a:gd name="connsiteX2" fmla="*/ 9999 w 10000"/>
              <a:gd name="connsiteY2" fmla="*/ 7579 h 10000"/>
              <a:gd name="connsiteX3" fmla="*/ 9198 w 10000"/>
              <a:gd name="connsiteY3" fmla="*/ 8546 h 10000"/>
              <a:gd name="connsiteX4" fmla="*/ 8096 w 10000"/>
              <a:gd name="connsiteY4" fmla="*/ 9551 h 10000"/>
              <a:gd name="connsiteX5" fmla="*/ 7014 w 10000"/>
              <a:gd name="connsiteY5" fmla="*/ 9973 h 10000"/>
              <a:gd name="connsiteX6" fmla="*/ 5451 w 10000"/>
              <a:gd name="connsiteY6" fmla="*/ 9930 h 10000"/>
              <a:gd name="connsiteX7" fmla="*/ 3878 w 10000"/>
              <a:gd name="connsiteY7" fmla="*/ 9334 h 10000"/>
              <a:gd name="connsiteX8" fmla="*/ 2540 w 10000"/>
              <a:gd name="connsiteY8" fmla="*/ 8408 h 10000"/>
              <a:gd name="connsiteX9" fmla="*/ 1262 w 10000"/>
              <a:gd name="connsiteY9" fmla="*/ 7116 h 10000"/>
              <a:gd name="connsiteX10" fmla="*/ 571 w 10000"/>
              <a:gd name="connsiteY10" fmla="*/ 6226 h 10000"/>
              <a:gd name="connsiteX11" fmla="*/ 2 w 10000"/>
              <a:gd name="connsiteY11" fmla="*/ 5351 h 10000"/>
              <a:gd name="connsiteX12" fmla="*/ 11 w 10000"/>
              <a:gd name="connsiteY12" fmla="*/ 47 h 10000"/>
              <a:gd name="connsiteX0" fmla="*/ 11 w 10000"/>
              <a:gd name="connsiteY0" fmla="*/ 47 h 10000"/>
              <a:gd name="connsiteX1" fmla="*/ 10000 w 10000"/>
              <a:gd name="connsiteY1" fmla="*/ 0 h 10000"/>
              <a:gd name="connsiteX2" fmla="*/ 9999 w 10000"/>
              <a:gd name="connsiteY2" fmla="*/ 7579 h 10000"/>
              <a:gd name="connsiteX3" fmla="*/ 9198 w 10000"/>
              <a:gd name="connsiteY3" fmla="*/ 8546 h 10000"/>
              <a:gd name="connsiteX4" fmla="*/ 8096 w 10000"/>
              <a:gd name="connsiteY4" fmla="*/ 9551 h 10000"/>
              <a:gd name="connsiteX5" fmla="*/ 7014 w 10000"/>
              <a:gd name="connsiteY5" fmla="*/ 9973 h 10000"/>
              <a:gd name="connsiteX6" fmla="*/ 5451 w 10000"/>
              <a:gd name="connsiteY6" fmla="*/ 9930 h 10000"/>
              <a:gd name="connsiteX7" fmla="*/ 3878 w 10000"/>
              <a:gd name="connsiteY7" fmla="*/ 9334 h 10000"/>
              <a:gd name="connsiteX8" fmla="*/ 2540 w 10000"/>
              <a:gd name="connsiteY8" fmla="*/ 8408 h 10000"/>
              <a:gd name="connsiteX9" fmla="*/ 1262 w 10000"/>
              <a:gd name="connsiteY9" fmla="*/ 7116 h 10000"/>
              <a:gd name="connsiteX10" fmla="*/ 571 w 10000"/>
              <a:gd name="connsiteY10" fmla="*/ 6226 h 10000"/>
              <a:gd name="connsiteX11" fmla="*/ 2 w 10000"/>
              <a:gd name="connsiteY11" fmla="*/ 5351 h 10000"/>
              <a:gd name="connsiteX12" fmla="*/ 11 w 10000"/>
              <a:gd name="connsiteY12" fmla="*/ 47 h 10000"/>
              <a:gd name="connsiteX0" fmla="*/ 11 w 10000"/>
              <a:gd name="connsiteY0" fmla="*/ 47 h 10000"/>
              <a:gd name="connsiteX1" fmla="*/ 10000 w 10000"/>
              <a:gd name="connsiteY1" fmla="*/ 0 h 10000"/>
              <a:gd name="connsiteX2" fmla="*/ 9999 w 10000"/>
              <a:gd name="connsiteY2" fmla="*/ 7579 h 10000"/>
              <a:gd name="connsiteX3" fmla="*/ 9143 w 10000"/>
              <a:gd name="connsiteY3" fmla="*/ 8600 h 10000"/>
              <a:gd name="connsiteX4" fmla="*/ 8096 w 10000"/>
              <a:gd name="connsiteY4" fmla="*/ 9551 h 10000"/>
              <a:gd name="connsiteX5" fmla="*/ 7014 w 10000"/>
              <a:gd name="connsiteY5" fmla="*/ 9973 h 10000"/>
              <a:gd name="connsiteX6" fmla="*/ 5451 w 10000"/>
              <a:gd name="connsiteY6" fmla="*/ 9930 h 10000"/>
              <a:gd name="connsiteX7" fmla="*/ 3878 w 10000"/>
              <a:gd name="connsiteY7" fmla="*/ 9334 h 10000"/>
              <a:gd name="connsiteX8" fmla="*/ 2540 w 10000"/>
              <a:gd name="connsiteY8" fmla="*/ 8408 h 10000"/>
              <a:gd name="connsiteX9" fmla="*/ 1262 w 10000"/>
              <a:gd name="connsiteY9" fmla="*/ 7116 h 10000"/>
              <a:gd name="connsiteX10" fmla="*/ 571 w 10000"/>
              <a:gd name="connsiteY10" fmla="*/ 6226 h 10000"/>
              <a:gd name="connsiteX11" fmla="*/ 2 w 10000"/>
              <a:gd name="connsiteY11" fmla="*/ 5351 h 10000"/>
              <a:gd name="connsiteX12" fmla="*/ 11 w 10000"/>
              <a:gd name="connsiteY12" fmla="*/ 47 h 10000"/>
              <a:gd name="connsiteX0" fmla="*/ 11 w 10000"/>
              <a:gd name="connsiteY0" fmla="*/ 47 h 10000"/>
              <a:gd name="connsiteX1" fmla="*/ 10000 w 10000"/>
              <a:gd name="connsiteY1" fmla="*/ 0 h 10000"/>
              <a:gd name="connsiteX2" fmla="*/ 9999 w 10000"/>
              <a:gd name="connsiteY2" fmla="*/ 7579 h 10000"/>
              <a:gd name="connsiteX3" fmla="*/ 9143 w 10000"/>
              <a:gd name="connsiteY3" fmla="*/ 8600 h 10000"/>
              <a:gd name="connsiteX4" fmla="*/ 8096 w 10000"/>
              <a:gd name="connsiteY4" fmla="*/ 9551 h 10000"/>
              <a:gd name="connsiteX5" fmla="*/ 7014 w 10000"/>
              <a:gd name="connsiteY5" fmla="*/ 9973 h 10000"/>
              <a:gd name="connsiteX6" fmla="*/ 5451 w 10000"/>
              <a:gd name="connsiteY6" fmla="*/ 9930 h 10000"/>
              <a:gd name="connsiteX7" fmla="*/ 3878 w 10000"/>
              <a:gd name="connsiteY7" fmla="*/ 9334 h 10000"/>
              <a:gd name="connsiteX8" fmla="*/ 2540 w 10000"/>
              <a:gd name="connsiteY8" fmla="*/ 8408 h 10000"/>
              <a:gd name="connsiteX9" fmla="*/ 1262 w 10000"/>
              <a:gd name="connsiteY9" fmla="*/ 7116 h 10000"/>
              <a:gd name="connsiteX10" fmla="*/ 571 w 10000"/>
              <a:gd name="connsiteY10" fmla="*/ 6226 h 10000"/>
              <a:gd name="connsiteX11" fmla="*/ 2 w 10000"/>
              <a:gd name="connsiteY11" fmla="*/ 5351 h 10000"/>
              <a:gd name="connsiteX12" fmla="*/ 11 w 10000"/>
              <a:gd name="connsiteY12" fmla="*/ 47 h 10000"/>
              <a:gd name="connsiteX0" fmla="*/ 11 w 10000"/>
              <a:gd name="connsiteY0" fmla="*/ 47 h 10067"/>
              <a:gd name="connsiteX1" fmla="*/ 10000 w 10000"/>
              <a:gd name="connsiteY1" fmla="*/ 0 h 10067"/>
              <a:gd name="connsiteX2" fmla="*/ 9999 w 10000"/>
              <a:gd name="connsiteY2" fmla="*/ 7579 h 10067"/>
              <a:gd name="connsiteX3" fmla="*/ 9143 w 10000"/>
              <a:gd name="connsiteY3" fmla="*/ 8600 h 10067"/>
              <a:gd name="connsiteX4" fmla="*/ 8096 w 10000"/>
              <a:gd name="connsiteY4" fmla="*/ 9551 h 10067"/>
              <a:gd name="connsiteX5" fmla="*/ 7014 w 10000"/>
              <a:gd name="connsiteY5" fmla="*/ 9973 h 10067"/>
              <a:gd name="connsiteX6" fmla="*/ 5411 w 10000"/>
              <a:gd name="connsiteY6" fmla="*/ 10035 h 10067"/>
              <a:gd name="connsiteX7" fmla="*/ 3878 w 10000"/>
              <a:gd name="connsiteY7" fmla="*/ 9334 h 10067"/>
              <a:gd name="connsiteX8" fmla="*/ 2540 w 10000"/>
              <a:gd name="connsiteY8" fmla="*/ 8408 h 10067"/>
              <a:gd name="connsiteX9" fmla="*/ 1262 w 10000"/>
              <a:gd name="connsiteY9" fmla="*/ 7116 h 10067"/>
              <a:gd name="connsiteX10" fmla="*/ 571 w 10000"/>
              <a:gd name="connsiteY10" fmla="*/ 6226 h 10067"/>
              <a:gd name="connsiteX11" fmla="*/ 2 w 10000"/>
              <a:gd name="connsiteY11" fmla="*/ 5351 h 10067"/>
              <a:gd name="connsiteX12" fmla="*/ 11 w 10000"/>
              <a:gd name="connsiteY12" fmla="*/ 47 h 10067"/>
              <a:gd name="connsiteX0" fmla="*/ 11 w 10000"/>
              <a:gd name="connsiteY0" fmla="*/ 47 h 10067"/>
              <a:gd name="connsiteX1" fmla="*/ 10000 w 10000"/>
              <a:gd name="connsiteY1" fmla="*/ 0 h 10067"/>
              <a:gd name="connsiteX2" fmla="*/ 9999 w 10000"/>
              <a:gd name="connsiteY2" fmla="*/ 7579 h 10067"/>
              <a:gd name="connsiteX3" fmla="*/ 9143 w 10000"/>
              <a:gd name="connsiteY3" fmla="*/ 8600 h 10067"/>
              <a:gd name="connsiteX4" fmla="*/ 8096 w 10000"/>
              <a:gd name="connsiteY4" fmla="*/ 9551 h 10067"/>
              <a:gd name="connsiteX5" fmla="*/ 7014 w 10000"/>
              <a:gd name="connsiteY5" fmla="*/ 9973 h 10067"/>
              <a:gd name="connsiteX6" fmla="*/ 5411 w 10000"/>
              <a:gd name="connsiteY6" fmla="*/ 10035 h 10067"/>
              <a:gd name="connsiteX7" fmla="*/ 3878 w 10000"/>
              <a:gd name="connsiteY7" fmla="*/ 9334 h 10067"/>
              <a:gd name="connsiteX8" fmla="*/ 2540 w 10000"/>
              <a:gd name="connsiteY8" fmla="*/ 8408 h 10067"/>
              <a:gd name="connsiteX9" fmla="*/ 1262 w 10000"/>
              <a:gd name="connsiteY9" fmla="*/ 7116 h 10067"/>
              <a:gd name="connsiteX10" fmla="*/ 571 w 10000"/>
              <a:gd name="connsiteY10" fmla="*/ 6226 h 10067"/>
              <a:gd name="connsiteX11" fmla="*/ 2 w 10000"/>
              <a:gd name="connsiteY11" fmla="*/ 7908 h 10067"/>
              <a:gd name="connsiteX12" fmla="*/ 11 w 10000"/>
              <a:gd name="connsiteY12" fmla="*/ 47 h 10067"/>
              <a:gd name="connsiteX0" fmla="*/ 11 w 10000"/>
              <a:gd name="connsiteY0" fmla="*/ 47 h 10067"/>
              <a:gd name="connsiteX1" fmla="*/ 10000 w 10000"/>
              <a:gd name="connsiteY1" fmla="*/ 0 h 10067"/>
              <a:gd name="connsiteX2" fmla="*/ 9999 w 10000"/>
              <a:gd name="connsiteY2" fmla="*/ 5513 h 10067"/>
              <a:gd name="connsiteX3" fmla="*/ 9143 w 10000"/>
              <a:gd name="connsiteY3" fmla="*/ 8600 h 10067"/>
              <a:gd name="connsiteX4" fmla="*/ 8096 w 10000"/>
              <a:gd name="connsiteY4" fmla="*/ 9551 h 10067"/>
              <a:gd name="connsiteX5" fmla="*/ 7014 w 10000"/>
              <a:gd name="connsiteY5" fmla="*/ 9973 h 10067"/>
              <a:gd name="connsiteX6" fmla="*/ 5411 w 10000"/>
              <a:gd name="connsiteY6" fmla="*/ 10035 h 10067"/>
              <a:gd name="connsiteX7" fmla="*/ 3878 w 10000"/>
              <a:gd name="connsiteY7" fmla="*/ 9334 h 10067"/>
              <a:gd name="connsiteX8" fmla="*/ 2540 w 10000"/>
              <a:gd name="connsiteY8" fmla="*/ 8408 h 10067"/>
              <a:gd name="connsiteX9" fmla="*/ 1262 w 10000"/>
              <a:gd name="connsiteY9" fmla="*/ 7116 h 10067"/>
              <a:gd name="connsiteX10" fmla="*/ 571 w 10000"/>
              <a:gd name="connsiteY10" fmla="*/ 6226 h 10067"/>
              <a:gd name="connsiteX11" fmla="*/ 2 w 10000"/>
              <a:gd name="connsiteY11" fmla="*/ 7908 h 10067"/>
              <a:gd name="connsiteX12" fmla="*/ 11 w 10000"/>
              <a:gd name="connsiteY12" fmla="*/ 47 h 10067"/>
              <a:gd name="connsiteX0" fmla="*/ 11 w 10000"/>
              <a:gd name="connsiteY0" fmla="*/ 47 h 10067"/>
              <a:gd name="connsiteX1" fmla="*/ 10000 w 10000"/>
              <a:gd name="connsiteY1" fmla="*/ 0 h 10067"/>
              <a:gd name="connsiteX2" fmla="*/ 9999 w 10000"/>
              <a:gd name="connsiteY2" fmla="*/ 5513 h 10067"/>
              <a:gd name="connsiteX3" fmla="*/ 8729 w 10000"/>
              <a:gd name="connsiteY3" fmla="*/ 7346 h 10067"/>
              <a:gd name="connsiteX4" fmla="*/ 8096 w 10000"/>
              <a:gd name="connsiteY4" fmla="*/ 9551 h 10067"/>
              <a:gd name="connsiteX5" fmla="*/ 7014 w 10000"/>
              <a:gd name="connsiteY5" fmla="*/ 9973 h 10067"/>
              <a:gd name="connsiteX6" fmla="*/ 5411 w 10000"/>
              <a:gd name="connsiteY6" fmla="*/ 10035 h 10067"/>
              <a:gd name="connsiteX7" fmla="*/ 3878 w 10000"/>
              <a:gd name="connsiteY7" fmla="*/ 9334 h 10067"/>
              <a:gd name="connsiteX8" fmla="*/ 2540 w 10000"/>
              <a:gd name="connsiteY8" fmla="*/ 8408 h 10067"/>
              <a:gd name="connsiteX9" fmla="*/ 1262 w 10000"/>
              <a:gd name="connsiteY9" fmla="*/ 7116 h 10067"/>
              <a:gd name="connsiteX10" fmla="*/ 571 w 10000"/>
              <a:gd name="connsiteY10" fmla="*/ 6226 h 10067"/>
              <a:gd name="connsiteX11" fmla="*/ 2 w 10000"/>
              <a:gd name="connsiteY11" fmla="*/ 7908 h 10067"/>
              <a:gd name="connsiteX12" fmla="*/ 11 w 10000"/>
              <a:gd name="connsiteY12" fmla="*/ 47 h 10067"/>
              <a:gd name="connsiteX0" fmla="*/ 11 w 10000"/>
              <a:gd name="connsiteY0" fmla="*/ 47 h 10067"/>
              <a:gd name="connsiteX1" fmla="*/ 10000 w 10000"/>
              <a:gd name="connsiteY1" fmla="*/ 0 h 10067"/>
              <a:gd name="connsiteX2" fmla="*/ 9999 w 10000"/>
              <a:gd name="connsiteY2" fmla="*/ 5513 h 10067"/>
              <a:gd name="connsiteX3" fmla="*/ 8096 w 10000"/>
              <a:gd name="connsiteY3" fmla="*/ 9551 h 10067"/>
              <a:gd name="connsiteX4" fmla="*/ 7014 w 10000"/>
              <a:gd name="connsiteY4" fmla="*/ 9973 h 10067"/>
              <a:gd name="connsiteX5" fmla="*/ 5411 w 10000"/>
              <a:gd name="connsiteY5" fmla="*/ 10035 h 10067"/>
              <a:gd name="connsiteX6" fmla="*/ 3878 w 10000"/>
              <a:gd name="connsiteY6" fmla="*/ 9334 h 10067"/>
              <a:gd name="connsiteX7" fmla="*/ 2540 w 10000"/>
              <a:gd name="connsiteY7" fmla="*/ 8408 h 10067"/>
              <a:gd name="connsiteX8" fmla="*/ 1262 w 10000"/>
              <a:gd name="connsiteY8" fmla="*/ 7116 h 10067"/>
              <a:gd name="connsiteX9" fmla="*/ 571 w 10000"/>
              <a:gd name="connsiteY9" fmla="*/ 6226 h 10067"/>
              <a:gd name="connsiteX10" fmla="*/ 2 w 10000"/>
              <a:gd name="connsiteY10" fmla="*/ 7908 h 10067"/>
              <a:gd name="connsiteX11" fmla="*/ 11 w 10000"/>
              <a:gd name="connsiteY11" fmla="*/ 47 h 10067"/>
              <a:gd name="connsiteX0" fmla="*/ 11 w 10000"/>
              <a:gd name="connsiteY0" fmla="*/ 47 h 10067"/>
              <a:gd name="connsiteX1" fmla="*/ 10000 w 10000"/>
              <a:gd name="connsiteY1" fmla="*/ 0 h 10067"/>
              <a:gd name="connsiteX2" fmla="*/ 9999 w 10000"/>
              <a:gd name="connsiteY2" fmla="*/ 5513 h 10067"/>
              <a:gd name="connsiteX3" fmla="*/ 7645 w 10000"/>
              <a:gd name="connsiteY3" fmla="*/ 8715 h 10067"/>
              <a:gd name="connsiteX4" fmla="*/ 7014 w 10000"/>
              <a:gd name="connsiteY4" fmla="*/ 9973 h 10067"/>
              <a:gd name="connsiteX5" fmla="*/ 5411 w 10000"/>
              <a:gd name="connsiteY5" fmla="*/ 10035 h 10067"/>
              <a:gd name="connsiteX6" fmla="*/ 3878 w 10000"/>
              <a:gd name="connsiteY6" fmla="*/ 9334 h 10067"/>
              <a:gd name="connsiteX7" fmla="*/ 2540 w 10000"/>
              <a:gd name="connsiteY7" fmla="*/ 8408 h 10067"/>
              <a:gd name="connsiteX8" fmla="*/ 1262 w 10000"/>
              <a:gd name="connsiteY8" fmla="*/ 7116 h 10067"/>
              <a:gd name="connsiteX9" fmla="*/ 571 w 10000"/>
              <a:gd name="connsiteY9" fmla="*/ 6226 h 10067"/>
              <a:gd name="connsiteX10" fmla="*/ 2 w 10000"/>
              <a:gd name="connsiteY10" fmla="*/ 7908 h 10067"/>
              <a:gd name="connsiteX11" fmla="*/ 11 w 10000"/>
              <a:gd name="connsiteY11" fmla="*/ 47 h 10067"/>
              <a:gd name="connsiteX0" fmla="*/ 11 w 10000"/>
              <a:gd name="connsiteY0" fmla="*/ 47 h 10067"/>
              <a:gd name="connsiteX1" fmla="*/ 10000 w 10000"/>
              <a:gd name="connsiteY1" fmla="*/ 0 h 10067"/>
              <a:gd name="connsiteX2" fmla="*/ 9999 w 10000"/>
              <a:gd name="connsiteY2" fmla="*/ 5513 h 10067"/>
              <a:gd name="connsiteX3" fmla="*/ 7014 w 10000"/>
              <a:gd name="connsiteY3" fmla="*/ 9973 h 10067"/>
              <a:gd name="connsiteX4" fmla="*/ 5411 w 10000"/>
              <a:gd name="connsiteY4" fmla="*/ 10035 h 10067"/>
              <a:gd name="connsiteX5" fmla="*/ 3878 w 10000"/>
              <a:gd name="connsiteY5" fmla="*/ 9334 h 10067"/>
              <a:gd name="connsiteX6" fmla="*/ 2540 w 10000"/>
              <a:gd name="connsiteY6" fmla="*/ 8408 h 10067"/>
              <a:gd name="connsiteX7" fmla="*/ 1262 w 10000"/>
              <a:gd name="connsiteY7" fmla="*/ 7116 h 10067"/>
              <a:gd name="connsiteX8" fmla="*/ 571 w 10000"/>
              <a:gd name="connsiteY8" fmla="*/ 6226 h 10067"/>
              <a:gd name="connsiteX9" fmla="*/ 2 w 10000"/>
              <a:gd name="connsiteY9" fmla="*/ 7908 h 10067"/>
              <a:gd name="connsiteX10" fmla="*/ 11 w 10000"/>
              <a:gd name="connsiteY10" fmla="*/ 47 h 10067"/>
              <a:gd name="connsiteX0" fmla="*/ 11 w 10000"/>
              <a:gd name="connsiteY0" fmla="*/ 47 h 10234"/>
              <a:gd name="connsiteX1" fmla="*/ 10000 w 10000"/>
              <a:gd name="connsiteY1" fmla="*/ 0 h 10234"/>
              <a:gd name="connsiteX2" fmla="*/ 9999 w 10000"/>
              <a:gd name="connsiteY2" fmla="*/ 5513 h 10234"/>
              <a:gd name="connsiteX3" fmla="*/ 5411 w 10000"/>
              <a:gd name="connsiteY3" fmla="*/ 10035 h 10234"/>
              <a:gd name="connsiteX4" fmla="*/ 3878 w 10000"/>
              <a:gd name="connsiteY4" fmla="*/ 9334 h 10234"/>
              <a:gd name="connsiteX5" fmla="*/ 2540 w 10000"/>
              <a:gd name="connsiteY5" fmla="*/ 8408 h 10234"/>
              <a:gd name="connsiteX6" fmla="*/ 1262 w 10000"/>
              <a:gd name="connsiteY6" fmla="*/ 7116 h 10234"/>
              <a:gd name="connsiteX7" fmla="*/ 571 w 10000"/>
              <a:gd name="connsiteY7" fmla="*/ 6226 h 10234"/>
              <a:gd name="connsiteX8" fmla="*/ 2 w 10000"/>
              <a:gd name="connsiteY8" fmla="*/ 7908 h 10234"/>
              <a:gd name="connsiteX9" fmla="*/ 11 w 10000"/>
              <a:gd name="connsiteY9" fmla="*/ 47 h 10234"/>
              <a:gd name="connsiteX0" fmla="*/ 11 w 10000"/>
              <a:gd name="connsiteY0" fmla="*/ 47 h 9458"/>
              <a:gd name="connsiteX1" fmla="*/ 10000 w 10000"/>
              <a:gd name="connsiteY1" fmla="*/ 0 h 9458"/>
              <a:gd name="connsiteX2" fmla="*/ 9999 w 10000"/>
              <a:gd name="connsiteY2" fmla="*/ 5513 h 9458"/>
              <a:gd name="connsiteX3" fmla="*/ 3878 w 10000"/>
              <a:gd name="connsiteY3" fmla="*/ 9334 h 9458"/>
              <a:gd name="connsiteX4" fmla="*/ 2540 w 10000"/>
              <a:gd name="connsiteY4" fmla="*/ 8408 h 9458"/>
              <a:gd name="connsiteX5" fmla="*/ 1262 w 10000"/>
              <a:gd name="connsiteY5" fmla="*/ 7116 h 9458"/>
              <a:gd name="connsiteX6" fmla="*/ 571 w 10000"/>
              <a:gd name="connsiteY6" fmla="*/ 6226 h 9458"/>
              <a:gd name="connsiteX7" fmla="*/ 2 w 10000"/>
              <a:gd name="connsiteY7" fmla="*/ 7908 h 9458"/>
              <a:gd name="connsiteX8" fmla="*/ 11 w 10000"/>
              <a:gd name="connsiteY8" fmla="*/ 47 h 9458"/>
              <a:gd name="connsiteX0" fmla="*/ 11 w 10000"/>
              <a:gd name="connsiteY0" fmla="*/ 50 h 8890"/>
              <a:gd name="connsiteX1" fmla="*/ 10000 w 10000"/>
              <a:gd name="connsiteY1" fmla="*/ 0 h 8890"/>
              <a:gd name="connsiteX2" fmla="*/ 9999 w 10000"/>
              <a:gd name="connsiteY2" fmla="*/ 5829 h 8890"/>
              <a:gd name="connsiteX3" fmla="*/ 2540 w 10000"/>
              <a:gd name="connsiteY3" fmla="*/ 8890 h 8890"/>
              <a:gd name="connsiteX4" fmla="*/ 1262 w 10000"/>
              <a:gd name="connsiteY4" fmla="*/ 7524 h 8890"/>
              <a:gd name="connsiteX5" fmla="*/ 571 w 10000"/>
              <a:gd name="connsiteY5" fmla="*/ 6583 h 8890"/>
              <a:gd name="connsiteX6" fmla="*/ 2 w 10000"/>
              <a:gd name="connsiteY6" fmla="*/ 8361 h 8890"/>
              <a:gd name="connsiteX7" fmla="*/ 11 w 10000"/>
              <a:gd name="connsiteY7" fmla="*/ 50 h 8890"/>
              <a:gd name="connsiteX0" fmla="*/ 11 w 10000"/>
              <a:gd name="connsiteY0" fmla="*/ 56 h 11559"/>
              <a:gd name="connsiteX1" fmla="*/ 10000 w 10000"/>
              <a:gd name="connsiteY1" fmla="*/ 0 h 11559"/>
              <a:gd name="connsiteX2" fmla="*/ 9999 w 10000"/>
              <a:gd name="connsiteY2" fmla="*/ 6557 h 11559"/>
              <a:gd name="connsiteX3" fmla="*/ 2540 w 10000"/>
              <a:gd name="connsiteY3" fmla="*/ 10000 h 11559"/>
              <a:gd name="connsiteX4" fmla="*/ 1262 w 10000"/>
              <a:gd name="connsiteY4" fmla="*/ 8463 h 11559"/>
              <a:gd name="connsiteX5" fmla="*/ 571 w 10000"/>
              <a:gd name="connsiteY5" fmla="*/ 7405 h 11559"/>
              <a:gd name="connsiteX6" fmla="*/ 2 w 10000"/>
              <a:gd name="connsiteY6" fmla="*/ 9405 h 11559"/>
              <a:gd name="connsiteX7" fmla="*/ 11 w 10000"/>
              <a:gd name="connsiteY7" fmla="*/ 56 h 11559"/>
              <a:gd name="connsiteX0" fmla="*/ 11 w 10000"/>
              <a:gd name="connsiteY0" fmla="*/ 56 h 9436"/>
              <a:gd name="connsiteX1" fmla="*/ 10000 w 10000"/>
              <a:gd name="connsiteY1" fmla="*/ 0 h 9436"/>
              <a:gd name="connsiteX2" fmla="*/ 9999 w 10000"/>
              <a:gd name="connsiteY2" fmla="*/ 6557 h 9436"/>
              <a:gd name="connsiteX3" fmla="*/ 1262 w 10000"/>
              <a:gd name="connsiteY3" fmla="*/ 8463 h 9436"/>
              <a:gd name="connsiteX4" fmla="*/ 571 w 10000"/>
              <a:gd name="connsiteY4" fmla="*/ 7405 h 9436"/>
              <a:gd name="connsiteX5" fmla="*/ 2 w 10000"/>
              <a:gd name="connsiteY5" fmla="*/ 9405 h 9436"/>
              <a:gd name="connsiteX6" fmla="*/ 11 w 10000"/>
              <a:gd name="connsiteY6" fmla="*/ 56 h 9436"/>
              <a:gd name="connsiteX0" fmla="*/ 11 w 10000"/>
              <a:gd name="connsiteY0" fmla="*/ 59 h 9999"/>
              <a:gd name="connsiteX1" fmla="*/ 10000 w 10000"/>
              <a:gd name="connsiteY1" fmla="*/ 0 h 9999"/>
              <a:gd name="connsiteX2" fmla="*/ 9999 w 10000"/>
              <a:gd name="connsiteY2" fmla="*/ 6949 h 9999"/>
              <a:gd name="connsiteX3" fmla="*/ 571 w 10000"/>
              <a:gd name="connsiteY3" fmla="*/ 7848 h 9999"/>
              <a:gd name="connsiteX4" fmla="*/ 2 w 10000"/>
              <a:gd name="connsiteY4" fmla="*/ 9967 h 9999"/>
              <a:gd name="connsiteX5" fmla="*/ 11 w 10000"/>
              <a:gd name="connsiteY5" fmla="*/ 59 h 9999"/>
              <a:gd name="connsiteX0" fmla="*/ 11 w 10000"/>
              <a:gd name="connsiteY0" fmla="*/ 59 h 13118"/>
              <a:gd name="connsiteX1" fmla="*/ 10000 w 10000"/>
              <a:gd name="connsiteY1" fmla="*/ 0 h 13118"/>
              <a:gd name="connsiteX2" fmla="*/ 9999 w 10000"/>
              <a:gd name="connsiteY2" fmla="*/ 6950 h 13118"/>
              <a:gd name="connsiteX3" fmla="*/ 4803 w 10000"/>
              <a:gd name="connsiteY3" fmla="*/ 13118 h 13118"/>
              <a:gd name="connsiteX4" fmla="*/ 2 w 10000"/>
              <a:gd name="connsiteY4" fmla="*/ 9968 h 13118"/>
              <a:gd name="connsiteX5" fmla="*/ 11 w 10000"/>
              <a:gd name="connsiteY5" fmla="*/ 59 h 13118"/>
              <a:gd name="connsiteX0" fmla="*/ 11 w 10000"/>
              <a:gd name="connsiteY0" fmla="*/ 59 h 13310"/>
              <a:gd name="connsiteX1" fmla="*/ 10000 w 10000"/>
              <a:gd name="connsiteY1" fmla="*/ 0 h 13310"/>
              <a:gd name="connsiteX2" fmla="*/ 9999 w 10000"/>
              <a:gd name="connsiteY2" fmla="*/ 6950 h 13310"/>
              <a:gd name="connsiteX3" fmla="*/ 4803 w 10000"/>
              <a:gd name="connsiteY3" fmla="*/ 13118 h 13310"/>
              <a:gd name="connsiteX4" fmla="*/ 2 w 10000"/>
              <a:gd name="connsiteY4" fmla="*/ 9968 h 13310"/>
              <a:gd name="connsiteX5" fmla="*/ 11 w 10000"/>
              <a:gd name="connsiteY5" fmla="*/ 59 h 13310"/>
              <a:gd name="connsiteX0" fmla="*/ 11 w 10000"/>
              <a:gd name="connsiteY0" fmla="*/ 59 h 13310"/>
              <a:gd name="connsiteX1" fmla="*/ 10000 w 10000"/>
              <a:gd name="connsiteY1" fmla="*/ 0 h 13310"/>
              <a:gd name="connsiteX2" fmla="*/ 9999 w 10000"/>
              <a:gd name="connsiteY2" fmla="*/ 6950 h 13310"/>
              <a:gd name="connsiteX3" fmla="*/ 4803 w 10000"/>
              <a:gd name="connsiteY3" fmla="*/ 13118 h 13310"/>
              <a:gd name="connsiteX4" fmla="*/ 2 w 10000"/>
              <a:gd name="connsiteY4" fmla="*/ 9968 h 13310"/>
              <a:gd name="connsiteX5" fmla="*/ 11 w 10000"/>
              <a:gd name="connsiteY5" fmla="*/ 59 h 13310"/>
              <a:gd name="connsiteX0" fmla="*/ 2 w 10000"/>
              <a:gd name="connsiteY0" fmla="*/ 28 h 13310"/>
              <a:gd name="connsiteX1" fmla="*/ 10000 w 10000"/>
              <a:gd name="connsiteY1" fmla="*/ 0 h 13310"/>
              <a:gd name="connsiteX2" fmla="*/ 9999 w 10000"/>
              <a:gd name="connsiteY2" fmla="*/ 6950 h 13310"/>
              <a:gd name="connsiteX3" fmla="*/ 4803 w 10000"/>
              <a:gd name="connsiteY3" fmla="*/ 13118 h 13310"/>
              <a:gd name="connsiteX4" fmla="*/ 2 w 10000"/>
              <a:gd name="connsiteY4" fmla="*/ 9968 h 13310"/>
              <a:gd name="connsiteX5" fmla="*/ 2 w 10000"/>
              <a:gd name="connsiteY5" fmla="*/ 28 h 13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0" h="13310">
                <a:moveTo>
                  <a:pt x="2" y="28"/>
                </a:moveTo>
                <a:lnTo>
                  <a:pt x="10000" y="0"/>
                </a:lnTo>
                <a:cubicBezTo>
                  <a:pt x="10003" y="3229"/>
                  <a:pt x="9996" y="3720"/>
                  <a:pt x="9999" y="6950"/>
                </a:cubicBezTo>
                <a:cubicBezTo>
                  <a:pt x="8822" y="9653"/>
                  <a:pt x="6469" y="12615"/>
                  <a:pt x="4803" y="13118"/>
                </a:cubicBezTo>
                <a:cubicBezTo>
                  <a:pt x="1782" y="14206"/>
                  <a:pt x="192" y="10337"/>
                  <a:pt x="2" y="9968"/>
                </a:cubicBezTo>
                <a:cubicBezTo>
                  <a:pt x="-5" y="5795"/>
                  <a:pt x="9" y="4201"/>
                  <a:pt x="2" y="28"/>
                </a:cubicBezTo>
                <a:close/>
              </a:path>
            </a:pathLst>
          </a:custGeom>
          <a:solidFill>
            <a:srgbClr val="93A5B0"/>
          </a:solidFill>
          <a:ln>
            <a:noFill/>
          </a:ln>
        </p:spPr>
        <p:txBody>
          <a:bodyPr/>
          <a:lstStyle>
            <a:lvl1pPr marL="0" indent="0">
              <a:buFont typeface="Arial" panose="020B0604020202020204" pitchFamily="34" charset="0"/>
              <a:buNone/>
              <a:defRPr sz="1600"/>
            </a:lvl1pPr>
          </a:lstStyle>
          <a:p>
            <a:r>
              <a:rPr lang="en-GB" dirty="0"/>
              <a:t>Insert image via the Templafy pane</a:t>
            </a:r>
            <a:endParaRPr lang="en-GB"/>
          </a:p>
        </p:txBody>
      </p:sp>
    </p:spTree>
    <p:extLst>
      <p:ext uri="{BB962C8B-B14F-4D97-AF65-F5344CB8AC3E}">
        <p14:creationId xmlns:p14="http://schemas.microsoft.com/office/powerpoint/2010/main" val="141234955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4" name="Rectangle 11"/>
          <p:cNvSpPr>
            <a:spLocks noGrp="1" noChangeArrowheads="1"/>
          </p:cNvSpPr>
          <p:nvPr>
            <p:ph type="sldNum" sz="quarter" idx="10"/>
          </p:nvPr>
        </p:nvSpPr>
        <p:spPr/>
        <p:txBody>
          <a:bodyPr/>
          <a:lstStyle>
            <a:lvl1pPr>
              <a:defRPr/>
            </a:lvl1pPr>
          </a:lstStyle>
          <a:p>
            <a:pPr>
              <a:defRPr/>
            </a:pPr>
            <a:fld id="{0E808A4E-B55F-4717-AB09-68D98B68A291}" type="slidenum">
              <a:rPr lang="en-GB"/>
              <a:pPr>
                <a:defRPr/>
              </a:pPr>
              <a:t>‹#›</a:t>
            </a:fld>
            <a:endParaRPr lang="en-GB"/>
          </a:p>
        </p:txBody>
      </p:sp>
      <p:sp>
        <p:nvSpPr>
          <p:cNvPr id="6" name="Content Placeholder 5"/>
          <p:cNvSpPr>
            <a:spLocks noGrp="1"/>
          </p:cNvSpPr>
          <p:nvPr>
            <p:ph sz="quarter" idx="11"/>
          </p:nvPr>
        </p:nvSpPr>
        <p:spPr>
          <a:xfrm>
            <a:off x="377536" y="1412774"/>
            <a:ext cx="5608215" cy="5251961"/>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Content Placeholder 5"/>
          <p:cNvSpPr>
            <a:spLocks noGrp="1"/>
          </p:cNvSpPr>
          <p:nvPr>
            <p:ph sz="quarter" idx="12"/>
          </p:nvPr>
        </p:nvSpPr>
        <p:spPr>
          <a:xfrm>
            <a:off x="6206251" y="1412775"/>
            <a:ext cx="5578381" cy="5251961"/>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8" name="Title 1">
            <a:extLst>
              <a:ext uri="{FF2B5EF4-FFF2-40B4-BE49-F238E27FC236}">
                <a16:creationId xmlns:a16="http://schemas.microsoft.com/office/drawing/2014/main" id="{8D98B2A9-D52D-4BD8-B686-EF4B45CAD68B}"/>
              </a:ext>
            </a:extLst>
          </p:cNvPr>
          <p:cNvSpPr>
            <a:spLocks noGrp="1"/>
          </p:cNvSpPr>
          <p:nvPr>
            <p:ph type="title"/>
          </p:nvPr>
        </p:nvSpPr>
        <p:spPr>
          <a:xfrm>
            <a:off x="407368" y="356833"/>
            <a:ext cx="11377264" cy="914400"/>
          </a:xfrm>
        </p:spPr>
        <p:txBody>
          <a:bodyPr/>
          <a:lstStyle/>
          <a:p>
            <a:r>
              <a:rPr lang="en-GB"/>
              <a:t>Click to edit Master title style</a:t>
            </a:r>
            <a:endParaRPr lang="en-GB" dirty="0"/>
          </a:p>
        </p:txBody>
      </p:sp>
    </p:spTree>
    <p:extLst>
      <p:ext uri="{BB962C8B-B14F-4D97-AF65-F5344CB8AC3E}">
        <p14:creationId xmlns:p14="http://schemas.microsoft.com/office/powerpoint/2010/main" val="183277266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407368" y="351883"/>
            <a:ext cx="11377264" cy="914400"/>
          </a:xfrm>
        </p:spPr>
        <p:txBody>
          <a:bodyPr/>
          <a:lstStyle>
            <a:lvl1pPr>
              <a:defRPr/>
            </a:lvl1pPr>
          </a:lstStyle>
          <a:p>
            <a:r>
              <a:rPr lang="en-GB"/>
              <a:t>Click to edit Master title style</a:t>
            </a:r>
          </a:p>
        </p:txBody>
      </p:sp>
      <p:sp>
        <p:nvSpPr>
          <p:cNvPr id="3" name="Text Placeholder 2"/>
          <p:cNvSpPr>
            <a:spLocks noGrp="1"/>
          </p:cNvSpPr>
          <p:nvPr>
            <p:ph type="body" idx="1"/>
          </p:nvPr>
        </p:nvSpPr>
        <p:spPr>
          <a:xfrm>
            <a:off x="407368" y="1400698"/>
            <a:ext cx="5544616" cy="639762"/>
          </a:xfrm>
        </p:spPr>
        <p:txBody>
          <a:bodyPr anchor="b"/>
          <a:lstStyle>
            <a:lvl1pPr marL="0" indent="0">
              <a:buNone/>
              <a:defRPr sz="2200" b="0">
                <a:latin typeface="Bliss 2 ExtraBold" panose="02000506030000020004" pitchFamily="50"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a:t>Click to edit Master text styles</a:t>
            </a:r>
          </a:p>
        </p:txBody>
      </p:sp>
      <p:sp>
        <p:nvSpPr>
          <p:cNvPr id="4" name="Content Placeholder 3"/>
          <p:cNvSpPr>
            <a:spLocks noGrp="1"/>
          </p:cNvSpPr>
          <p:nvPr>
            <p:ph sz="half" idx="2"/>
          </p:nvPr>
        </p:nvSpPr>
        <p:spPr>
          <a:xfrm>
            <a:off x="393329" y="2069999"/>
            <a:ext cx="5558655" cy="4594737"/>
          </a:xfrm>
        </p:spPr>
        <p:txBody>
          <a:bodyPr/>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5" name="Text Placeholder 4"/>
          <p:cNvSpPr>
            <a:spLocks noGrp="1"/>
          </p:cNvSpPr>
          <p:nvPr>
            <p:ph type="body" sz="quarter" idx="3"/>
          </p:nvPr>
        </p:nvSpPr>
        <p:spPr>
          <a:xfrm>
            <a:off x="6240018" y="1400698"/>
            <a:ext cx="5532013" cy="639762"/>
          </a:xfrm>
        </p:spPr>
        <p:txBody>
          <a:bodyPr anchor="b"/>
          <a:lstStyle>
            <a:lvl1pPr marL="0" indent="0">
              <a:buNone/>
              <a:defRPr sz="2200" b="0">
                <a:latin typeface="Bliss 2 ExtraBold" panose="02000506030000020004" pitchFamily="50"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a:t>Click to edit Master text styles</a:t>
            </a:r>
          </a:p>
        </p:txBody>
      </p:sp>
      <p:sp>
        <p:nvSpPr>
          <p:cNvPr id="6" name="Content Placeholder 5"/>
          <p:cNvSpPr>
            <a:spLocks noGrp="1"/>
          </p:cNvSpPr>
          <p:nvPr>
            <p:ph sz="quarter" idx="4"/>
          </p:nvPr>
        </p:nvSpPr>
        <p:spPr>
          <a:xfrm>
            <a:off x="6240019" y="2070000"/>
            <a:ext cx="5532012" cy="4594736"/>
          </a:xfrm>
        </p:spPr>
        <p:txBody>
          <a:bodyPr/>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Rectangle 11"/>
          <p:cNvSpPr>
            <a:spLocks noGrp="1" noChangeArrowheads="1"/>
          </p:cNvSpPr>
          <p:nvPr>
            <p:ph type="sldNum" sz="quarter" idx="10"/>
          </p:nvPr>
        </p:nvSpPr>
        <p:spPr>
          <a:xfrm>
            <a:off x="9299872" y="6377399"/>
            <a:ext cx="2844800" cy="287338"/>
          </a:xfrm>
          <a:ln/>
        </p:spPr>
        <p:txBody>
          <a:bodyPr/>
          <a:lstStyle>
            <a:lvl1pPr>
              <a:defRPr/>
            </a:lvl1pPr>
          </a:lstStyle>
          <a:p>
            <a:pPr>
              <a:defRPr/>
            </a:pPr>
            <a:fld id="{D381E9A2-A0E5-4F67-A9FF-63E3677A739B}" type="slidenum">
              <a:rPr lang="en-GB"/>
              <a:pPr>
                <a:defRPr/>
              </a:pPr>
              <a:t>‹#›</a:t>
            </a:fld>
            <a:endParaRPr lang="en-GB"/>
          </a:p>
        </p:txBody>
      </p:sp>
    </p:spTree>
    <p:extLst>
      <p:ext uri="{BB962C8B-B14F-4D97-AF65-F5344CB8AC3E}">
        <p14:creationId xmlns:p14="http://schemas.microsoft.com/office/powerpoint/2010/main" val="273367521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Rectangle 11"/>
          <p:cNvSpPr>
            <a:spLocks noGrp="1" noChangeArrowheads="1"/>
          </p:cNvSpPr>
          <p:nvPr>
            <p:ph type="sldNum" sz="quarter" idx="10"/>
          </p:nvPr>
        </p:nvSpPr>
        <p:spPr>
          <a:ln/>
        </p:spPr>
        <p:txBody>
          <a:bodyPr/>
          <a:lstStyle>
            <a:lvl1pPr>
              <a:defRPr/>
            </a:lvl1pPr>
          </a:lstStyle>
          <a:p>
            <a:pPr>
              <a:defRPr/>
            </a:pPr>
            <a:fld id="{0A2D5248-9236-41E6-8B81-AD6D6236FB47}" type="slidenum">
              <a:rPr lang="en-GB"/>
              <a:pPr>
                <a:defRPr/>
              </a:pPr>
              <a:t>‹#›</a:t>
            </a:fld>
            <a:endParaRPr lang="en-GB"/>
          </a:p>
        </p:txBody>
      </p:sp>
      <p:sp>
        <p:nvSpPr>
          <p:cNvPr id="4" name="Title 1">
            <a:extLst>
              <a:ext uri="{FF2B5EF4-FFF2-40B4-BE49-F238E27FC236}">
                <a16:creationId xmlns:a16="http://schemas.microsoft.com/office/drawing/2014/main" id="{B83BB103-626C-4EFC-A589-83563A173CC8}"/>
              </a:ext>
            </a:extLst>
          </p:cNvPr>
          <p:cNvSpPr>
            <a:spLocks noGrp="1"/>
          </p:cNvSpPr>
          <p:nvPr>
            <p:ph type="title"/>
          </p:nvPr>
        </p:nvSpPr>
        <p:spPr>
          <a:xfrm>
            <a:off x="407368" y="351883"/>
            <a:ext cx="11377264" cy="914400"/>
          </a:xfrm>
        </p:spPr>
        <p:txBody>
          <a:bodyPr/>
          <a:lstStyle>
            <a:lvl1pPr>
              <a:defRPr/>
            </a:lvl1pPr>
          </a:lstStyle>
          <a:p>
            <a:r>
              <a:rPr lang="en-GB"/>
              <a:t>Click to edit Master title style</a:t>
            </a:r>
          </a:p>
        </p:txBody>
      </p:sp>
    </p:spTree>
    <p:extLst>
      <p:ext uri="{BB962C8B-B14F-4D97-AF65-F5344CB8AC3E}">
        <p14:creationId xmlns:p14="http://schemas.microsoft.com/office/powerpoint/2010/main" val="373140200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Rectangle 11"/>
          <p:cNvSpPr>
            <a:spLocks noGrp="1" noChangeArrowheads="1"/>
          </p:cNvSpPr>
          <p:nvPr>
            <p:ph type="sldNum" sz="quarter" idx="10"/>
          </p:nvPr>
        </p:nvSpPr>
        <p:spPr>
          <a:ln/>
        </p:spPr>
        <p:txBody>
          <a:bodyPr/>
          <a:lstStyle>
            <a:lvl1pPr>
              <a:defRPr/>
            </a:lvl1pPr>
          </a:lstStyle>
          <a:p>
            <a:pPr>
              <a:defRPr/>
            </a:pPr>
            <a:fld id="{5545F616-C8DE-4EB1-96E8-1A27064CF178}" type="slidenum">
              <a:rPr lang="en-GB"/>
              <a:pPr>
                <a:defRPr/>
              </a:pPr>
              <a:t>‹#›</a:t>
            </a:fld>
            <a:endParaRPr lang="en-GB"/>
          </a:p>
        </p:txBody>
      </p:sp>
    </p:spTree>
    <p:extLst>
      <p:ext uri="{BB962C8B-B14F-4D97-AF65-F5344CB8AC3E}">
        <p14:creationId xmlns:p14="http://schemas.microsoft.com/office/powerpoint/2010/main" val="383651257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ntent with Caption">
    <p:spTree>
      <p:nvGrpSpPr>
        <p:cNvPr id="1" name=""/>
        <p:cNvGrpSpPr/>
        <p:nvPr/>
      </p:nvGrpSpPr>
      <p:grpSpPr>
        <a:xfrm>
          <a:off x="0" y="0"/>
          <a:ext cx="0" cy="0"/>
          <a:chOff x="0" y="0"/>
          <a:chExt cx="0" cy="0"/>
        </a:xfrm>
      </p:grpSpPr>
      <p:sp>
        <p:nvSpPr>
          <p:cNvPr id="3" name="Content Placeholder 2"/>
          <p:cNvSpPr>
            <a:spLocks noGrp="1"/>
          </p:cNvSpPr>
          <p:nvPr>
            <p:ph idx="1"/>
          </p:nvPr>
        </p:nvSpPr>
        <p:spPr>
          <a:xfrm>
            <a:off x="4766733" y="1326141"/>
            <a:ext cx="7017899" cy="5338596"/>
          </a:xfrm>
        </p:spPr>
        <p:txBody>
          <a:bodyPr/>
          <a:lstStyle>
            <a:lvl1pPr>
              <a:defRPr sz="2400"/>
            </a:lvl1pPr>
            <a:lvl2pPr>
              <a:defRPr sz="2400"/>
            </a:lvl2pPr>
            <a:lvl3pPr>
              <a:defRPr sz="2400"/>
            </a:lvl3pPr>
            <a:lvl4pPr>
              <a:defRPr sz="2400"/>
            </a:lvl4pPr>
            <a:lvl5pPr>
              <a:defRPr sz="2400"/>
            </a:lvl5pPr>
            <a:lvl6pPr>
              <a:defRPr sz="2000"/>
            </a:lvl6pPr>
            <a:lvl7pPr>
              <a:defRPr sz="2000"/>
            </a:lvl7pPr>
            <a:lvl8pPr>
              <a:defRPr sz="2000"/>
            </a:lvl8pPr>
            <a:lvl9pPr>
              <a:defRPr sz="2000"/>
            </a:lvl9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Text Placeholder 3"/>
          <p:cNvSpPr>
            <a:spLocks noGrp="1"/>
          </p:cNvSpPr>
          <p:nvPr>
            <p:ph type="body" sz="half" idx="2"/>
          </p:nvPr>
        </p:nvSpPr>
        <p:spPr>
          <a:xfrm>
            <a:off x="407368" y="1326141"/>
            <a:ext cx="4213317" cy="5338596"/>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GB"/>
              <a:t>Click to edit Master text styles</a:t>
            </a:r>
          </a:p>
        </p:txBody>
      </p:sp>
      <p:sp>
        <p:nvSpPr>
          <p:cNvPr id="5" name="Rectangle 11"/>
          <p:cNvSpPr>
            <a:spLocks noGrp="1" noChangeArrowheads="1"/>
          </p:cNvSpPr>
          <p:nvPr>
            <p:ph type="sldNum" sz="quarter" idx="10"/>
          </p:nvPr>
        </p:nvSpPr>
        <p:spPr>
          <a:ln/>
        </p:spPr>
        <p:txBody>
          <a:bodyPr/>
          <a:lstStyle>
            <a:lvl1pPr>
              <a:defRPr/>
            </a:lvl1pPr>
          </a:lstStyle>
          <a:p>
            <a:pPr>
              <a:defRPr/>
            </a:pPr>
            <a:fld id="{EADB677D-268D-43E4-BE7A-FA21384C8E65}" type="slidenum">
              <a:rPr lang="en-GB"/>
              <a:pPr>
                <a:defRPr/>
              </a:pPr>
              <a:t>‹#›</a:t>
            </a:fld>
            <a:endParaRPr lang="en-GB"/>
          </a:p>
        </p:txBody>
      </p:sp>
      <p:sp>
        <p:nvSpPr>
          <p:cNvPr id="6" name="Title 1">
            <a:extLst>
              <a:ext uri="{FF2B5EF4-FFF2-40B4-BE49-F238E27FC236}">
                <a16:creationId xmlns:a16="http://schemas.microsoft.com/office/drawing/2014/main" id="{90A6EE7B-0030-4CB1-874F-E5C54E408FF9}"/>
              </a:ext>
            </a:extLst>
          </p:cNvPr>
          <p:cNvSpPr>
            <a:spLocks noGrp="1"/>
          </p:cNvSpPr>
          <p:nvPr>
            <p:ph type="title"/>
          </p:nvPr>
        </p:nvSpPr>
        <p:spPr>
          <a:xfrm>
            <a:off x="407368" y="351883"/>
            <a:ext cx="11377264" cy="914400"/>
          </a:xfrm>
        </p:spPr>
        <p:txBody>
          <a:bodyPr/>
          <a:lstStyle>
            <a:lvl1pPr>
              <a:defRPr/>
            </a:lvl1pPr>
          </a:lstStyle>
          <a:p>
            <a:r>
              <a:rPr lang="en-GB"/>
              <a:t>Click to edit Master title style</a:t>
            </a:r>
          </a:p>
        </p:txBody>
      </p:sp>
    </p:spTree>
    <p:extLst>
      <p:ext uri="{BB962C8B-B14F-4D97-AF65-F5344CB8AC3E}">
        <p14:creationId xmlns:p14="http://schemas.microsoft.com/office/powerpoint/2010/main" val="1707184984"/>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ags" Target="../tags/tag2.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1.xml"/><Relationship Id="rId3" Type="http://schemas.openxmlformats.org/officeDocument/2006/relationships/slideLayout" Target="../slideLayouts/slideLayout16.xml"/><Relationship Id="rId7" Type="http://schemas.openxmlformats.org/officeDocument/2006/relationships/slideLayout" Target="../slideLayouts/slideLayout20.xml"/><Relationship Id="rId2" Type="http://schemas.openxmlformats.org/officeDocument/2006/relationships/slideLayout" Target="../slideLayouts/slideLayout15.xml"/><Relationship Id="rId1" Type="http://schemas.openxmlformats.org/officeDocument/2006/relationships/slideLayout" Target="../slideLayouts/slideLayout14.xml"/><Relationship Id="rId6" Type="http://schemas.openxmlformats.org/officeDocument/2006/relationships/slideLayout" Target="../slideLayouts/slideLayout19.xml"/><Relationship Id="rId11" Type="http://schemas.openxmlformats.org/officeDocument/2006/relationships/theme" Target="../theme/theme2.xml"/><Relationship Id="rId5" Type="http://schemas.openxmlformats.org/officeDocument/2006/relationships/slideLayout" Target="../slideLayouts/slideLayout18.xml"/><Relationship Id="rId10" Type="http://schemas.openxmlformats.org/officeDocument/2006/relationships/slideLayout" Target="../slideLayouts/slideLayout23.xml"/><Relationship Id="rId4" Type="http://schemas.openxmlformats.org/officeDocument/2006/relationships/slideLayout" Target="../slideLayouts/slideLayout17.xml"/><Relationship Id="rId9"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bwMode="gray">
      <p:bgPr>
        <a:solidFill>
          <a:schemeClr val="bg1"/>
        </a:solidFill>
        <a:effectLst/>
      </p:bgPr>
    </p:bg>
    <p:spTree>
      <p:nvGrpSpPr>
        <p:cNvPr id="1" name=""/>
        <p:cNvGrpSpPr/>
        <p:nvPr/>
      </p:nvGrpSpPr>
      <p:grpSpPr>
        <a:xfrm>
          <a:off x="0" y="0"/>
          <a:ext cx="0" cy="0"/>
          <a:chOff x="0" y="0"/>
          <a:chExt cx="0" cy="0"/>
        </a:xfrm>
      </p:grpSpPr>
      <p:sp>
        <p:nvSpPr>
          <p:cNvPr id="1026" name="Rectangle 3"/>
          <p:cNvSpPr>
            <a:spLocks noGrp="1" noChangeArrowheads="1"/>
          </p:cNvSpPr>
          <p:nvPr>
            <p:ph type="body" idx="1"/>
          </p:nvPr>
        </p:nvSpPr>
        <p:spPr bwMode="auto">
          <a:xfrm>
            <a:off x="406399" y="1340767"/>
            <a:ext cx="11378233" cy="532396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en-GB" altLang="en-US"/>
              <a:t>Click to edit Master text styles</a:t>
            </a:r>
          </a:p>
          <a:p>
            <a:pPr lvl="1"/>
            <a:r>
              <a:rPr lang="en-GB" altLang="en-US"/>
              <a:t>Second level</a:t>
            </a:r>
          </a:p>
          <a:p>
            <a:pPr lvl="2"/>
            <a:r>
              <a:rPr lang="en-GB" altLang="en-US"/>
              <a:t>Third level</a:t>
            </a:r>
          </a:p>
          <a:p>
            <a:pPr lvl="3"/>
            <a:r>
              <a:rPr lang="en-GB" altLang="en-US"/>
              <a:t>Fourth level</a:t>
            </a:r>
          </a:p>
          <a:p>
            <a:pPr lvl="4"/>
            <a:r>
              <a:rPr lang="en-GB" altLang="en-US"/>
              <a:t>Fifth level</a:t>
            </a:r>
            <a:endParaRPr lang="en-GB"/>
          </a:p>
        </p:txBody>
      </p:sp>
      <p:sp>
        <p:nvSpPr>
          <p:cNvPr id="1027" name="Rectangle 9"/>
          <p:cNvSpPr>
            <a:spLocks noGrp="1" noChangeArrowheads="1"/>
          </p:cNvSpPr>
          <p:nvPr>
            <p:ph type="title"/>
          </p:nvPr>
        </p:nvSpPr>
        <p:spPr bwMode="auto">
          <a:xfrm>
            <a:off x="406400" y="326364"/>
            <a:ext cx="11378232"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a:t>Click to edit Master title style</a:t>
            </a:r>
            <a:endParaRPr lang="en-GB"/>
          </a:p>
        </p:txBody>
      </p:sp>
      <p:sp>
        <p:nvSpPr>
          <p:cNvPr id="1035" name="Rectangle 11"/>
          <p:cNvSpPr>
            <a:spLocks noGrp="1" noChangeArrowheads="1"/>
          </p:cNvSpPr>
          <p:nvPr>
            <p:ph type="sldNum" sz="quarter" idx="4"/>
          </p:nvPr>
        </p:nvSpPr>
        <p:spPr bwMode="auto">
          <a:xfrm>
            <a:off x="9299872" y="6377399"/>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defRPr sz="1050">
                <a:solidFill>
                  <a:schemeClr val="tx1"/>
                </a:solidFill>
                <a:latin typeface="+mn-lt"/>
              </a:defRPr>
            </a:lvl1pPr>
          </a:lstStyle>
          <a:p>
            <a:pPr>
              <a:defRPr/>
            </a:pPr>
            <a:fld id="{AA923FDD-4DD3-41BE-8EE6-C8ADE94079E1}" type="slidenum">
              <a:rPr lang="en-GB" smtClean="0"/>
              <a:pPr>
                <a:defRPr/>
              </a:pPr>
              <a:t>‹#›</a:t>
            </a:fld>
            <a:endParaRPr lang="en-GB" dirty="0"/>
          </a:p>
        </p:txBody>
      </p:sp>
      <p:sp>
        <p:nvSpPr>
          <p:cNvPr id="5" name="text" descr="{&quot;templafy&quot;:{&quot;id&quot;:&quot;29586df0-98da-43b3-a1d1-3725356cbe04&quot;}}" title="UserProfile.DisclaimerBD.Companyname">
            <a:extLst>
              <a:ext uri="{FF2B5EF4-FFF2-40B4-BE49-F238E27FC236}">
                <a16:creationId xmlns:a16="http://schemas.microsoft.com/office/drawing/2014/main" id="{C5DFDB8E-F978-4D6A-B007-DD46A3F5A9BA}"/>
              </a:ext>
            </a:extLst>
          </p:cNvPr>
          <p:cNvSpPr txBox="1"/>
          <p:nvPr userDrawn="1"/>
        </p:nvSpPr>
        <p:spPr>
          <a:xfrm>
            <a:off x="406400" y="30636"/>
            <a:ext cx="4825504" cy="230832"/>
          </a:xfrm>
          <a:prstGeom prst="rect">
            <a:avLst/>
          </a:prstGeom>
          <a:noFill/>
        </p:spPr>
        <p:txBody>
          <a:bodyPr wrap="square" rtlCol="0" anchor="ctr">
            <a:spAutoFit/>
          </a:bodyPr>
          <a:lstStyle/>
          <a:p>
            <a:r>
              <a:rPr lang="en-GB" sz="900" b="1" dirty="0">
                <a:solidFill>
                  <a:srgbClr val="A80C35"/>
                </a:solidFill>
                <a:latin typeface="+mj-lt"/>
              </a:rPr>
              <a:t>Pinsent Masons LLP</a:t>
            </a:r>
            <a:endParaRPr lang="en-GB"/>
          </a:p>
        </p:txBody>
      </p:sp>
      <p:sp>
        <p:nvSpPr>
          <p:cNvPr id="6" name="text 1" descr="{&quot;templafy&quot;:{&quot;id&quot;:&quot;5dc97c4f-7178-41c8-90f7-440f6feed4a3&quot;}}" title="UserProfile.DisclaimerBD.Brandsignoffinsert">
            <a:extLst>
              <a:ext uri="{FF2B5EF4-FFF2-40B4-BE49-F238E27FC236}">
                <a16:creationId xmlns:a16="http://schemas.microsoft.com/office/drawing/2014/main" id="{F3D52A6B-6C01-41D4-886B-22A1D549627B}"/>
              </a:ext>
            </a:extLst>
          </p:cNvPr>
          <p:cNvSpPr/>
          <p:nvPr userDrawn="1"/>
        </p:nvSpPr>
        <p:spPr bwMode="auto">
          <a:xfrm>
            <a:off x="4871864" y="14344"/>
            <a:ext cx="6959600" cy="263417"/>
          </a:xfrm>
          <a:prstGeom prst="rect">
            <a:avLst/>
          </a:prstGeom>
          <a:noFill/>
          <a:ln w="9525" cap="flat" cmpd="sng" algn="ctr">
            <a:solidFill>
              <a:schemeClr val="bg1"/>
            </a:solid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algn="r" defTabSz="914400" rtl="0" eaLnBrk="0" fontAlgn="base" latinLnBrk="0" hangingPunct="0">
              <a:lnSpc>
                <a:spcPct val="100000"/>
              </a:lnSpc>
              <a:spcBef>
                <a:spcPct val="0"/>
              </a:spcBef>
              <a:spcAft>
                <a:spcPct val="0"/>
              </a:spcAft>
              <a:buClrTx/>
              <a:buSzTx/>
              <a:buFontTx/>
              <a:buNone/>
              <a:tabLst/>
            </a:pPr>
            <a:r>
              <a:rPr kumimoji="0" lang="en-GB" sz="900" b="0" i="0" u="none" strike="noStrike" cap="none" normalizeH="0" baseline="0" dirty="0">
                <a:ln>
                  <a:noFill/>
                </a:ln>
                <a:solidFill>
                  <a:schemeClr val="tx1"/>
                </a:solidFill>
                <a:effectLst/>
                <a:latin typeface="+mj-lt"/>
                <a:ea typeface="ＭＳ Ｐゴシック" pitchFamily="-128" charset="-128"/>
              </a:rPr>
              <a:t>A purpose-led professional services business with law at the core</a:t>
            </a:r>
          </a:p>
        </p:txBody>
      </p:sp>
      <p:cxnSp>
        <p:nvCxnSpPr>
          <p:cNvPr id="7" name="Straight Connector 6">
            <a:extLst>
              <a:ext uri="{FF2B5EF4-FFF2-40B4-BE49-F238E27FC236}">
                <a16:creationId xmlns:a16="http://schemas.microsoft.com/office/drawing/2014/main" id="{4CC977D1-1505-4236-8729-921C8BF37DFB}"/>
              </a:ext>
            </a:extLst>
          </p:cNvPr>
          <p:cNvCxnSpPr>
            <a:cxnSpLocks/>
          </p:cNvCxnSpPr>
          <p:nvPr userDrawn="1"/>
        </p:nvCxnSpPr>
        <p:spPr bwMode="auto">
          <a:xfrm flipV="1">
            <a:off x="0" y="278180"/>
            <a:ext cx="12192000" cy="17532"/>
          </a:xfrm>
          <a:prstGeom prst="line">
            <a:avLst/>
          </a:prstGeom>
          <a:solidFill>
            <a:schemeClr val="accent1"/>
          </a:solidFill>
          <a:ln w="12700" cap="flat" cmpd="sng" algn="ctr">
            <a:solidFill>
              <a:schemeClr val="accent1"/>
            </a:solidFill>
            <a:prstDash val="solid"/>
            <a:round/>
            <a:headEnd type="none" w="med" len="med"/>
            <a:tailEnd type="none" w="med" len="med"/>
          </a:ln>
          <a:effectLst/>
        </p:spPr>
      </p:cxnSp>
      <p:sp>
        <p:nvSpPr>
          <p:cNvPr id="2" name="Rectangle 1" descr="{&quot;templafy&quot;:{&quot;id&quot;:&quot;6b3c6973-29d1-4a8f-ba26-1f937b27ef75&quot;}}">
            <a:extLst>
              <a:ext uri="{FF2B5EF4-FFF2-40B4-BE49-F238E27FC236}">
                <a16:creationId xmlns:a16="http://schemas.microsoft.com/office/drawing/2014/main" id="{FA5019E3-E10A-B202-BE83-66175C12153F}"/>
              </a:ext>
            </a:extLst>
          </p:cNvPr>
          <p:cNvSpPr/>
          <p:nvPr userDrawn="1"/>
        </p:nvSpPr>
        <p:spPr bwMode="auto">
          <a:xfrm>
            <a:off x="10427344" y="6565180"/>
            <a:ext cx="1717328" cy="19911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r" defTabSz="914400" rtl="0" eaLnBrk="0" fontAlgn="base" latinLnBrk="0" hangingPunct="0">
              <a:lnSpc>
                <a:spcPct val="100000"/>
              </a:lnSpc>
              <a:spcBef>
                <a:spcPct val="0"/>
              </a:spcBef>
              <a:spcAft>
                <a:spcPct val="0"/>
              </a:spcAft>
              <a:buClrTx/>
              <a:buSzTx/>
              <a:buFontTx/>
              <a:buNone/>
              <a:tabLst/>
            </a:pPr>
            <a:endParaRPr kumimoji="0" lang="en-GB" sz="1050" b="1" i="0" u="none" strike="noStrike" cap="none" normalizeH="0" baseline="0" dirty="0">
              <a:ln>
                <a:noFill/>
              </a:ln>
              <a:solidFill>
                <a:schemeClr val="tx1"/>
              </a:solidFill>
              <a:effectLst/>
              <a:latin typeface="+mn-lt"/>
              <a:ea typeface="ＭＳ Ｐゴシック" pitchFamily="-128" charset="-128"/>
            </a:endParaRPr>
          </a:p>
        </p:txBody>
      </p:sp>
    </p:spTree>
    <p:custDataLst>
      <p:tags r:id="rId15"/>
    </p:custDataLst>
  </p:cSld>
  <p:clrMap bg1="lt1" tx1="dk1" bg2="lt2" tx2="dk2" accent1="accent1" accent2="accent2" accent3="accent3" accent4="accent4" accent5="accent5" accent6="accent6" hlink="hlink" folHlink="folHlink"/>
  <p:sldLayoutIdLst>
    <p:sldLayoutId id="2147484066" r:id="rId1"/>
    <p:sldLayoutId id="2147484076" r:id="rId2"/>
    <p:sldLayoutId id="2147484067" r:id="rId3"/>
    <p:sldLayoutId id="2147484059" r:id="rId4"/>
    <p:sldLayoutId id="2147484068" r:id="rId5"/>
    <p:sldLayoutId id="2147484061" r:id="rId6"/>
    <p:sldLayoutId id="2147484062" r:id="rId7"/>
    <p:sldLayoutId id="2147484063" r:id="rId8"/>
    <p:sldLayoutId id="2147484064" r:id="rId9"/>
    <p:sldLayoutId id="2147484065" r:id="rId10"/>
    <p:sldLayoutId id="2147484060" r:id="rId11"/>
    <p:sldLayoutId id="2147484069" r:id="rId12"/>
    <p:sldLayoutId id="2147484088" r:id="rId13"/>
  </p:sldLayoutIdLst>
  <p:txStyles>
    <p:titleStyle>
      <a:lvl1pPr algn="l" rtl="0" eaLnBrk="1" fontAlgn="base" hangingPunct="1">
        <a:spcBef>
          <a:spcPct val="0"/>
        </a:spcBef>
        <a:spcAft>
          <a:spcPct val="0"/>
        </a:spcAft>
        <a:defRPr sz="3200">
          <a:solidFill>
            <a:srgbClr val="A80C35"/>
          </a:solidFill>
          <a:latin typeface="+mj-lt"/>
          <a:ea typeface="+mj-ea"/>
          <a:cs typeface="+mj-cs"/>
        </a:defRPr>
      </a:lvl1pPr>
      <a:lvl2pPr algn="l" rtl="0" eaLnBrk="1" fontAlgn="base" hangingPunct="1">
        <a:spcBef>
          <a:spcPct val="0"/>
        </a:spcBef>
        <a:spcAft>
          <a:spcPct val="0"/>
        </a:spcAft>
        <a:defRPr sz="3600">
          <a:solidFill>
            <a:schemeClr val="bg1"/>
          </a:solidFill>
          <a:latin typeface="Arial" charset="0"/>
          <a:ea typeface="ＭＳ Ｐゴシック" pitchFamily="-128" charset="-128"/>
        </a:defRPr>
      </a:lvl2pPr>
      <a:lvl3pPr algn="l" rtl="0" eaLnBrk="1" fontAlgn="base" hangingPunct="1">
        <a:spcBef>
          <a:spcPct val="0"/>
        </a:spcBef>
        <a:spcAft>
          <a:spcPct val="0"/>
        </a:spcAft>
        <a:defRPr sz="3600">
          <a:solidFill>
            <a:schemeClr val="bg1"/>
          </a:solidFill>
          <a:latin typeface="Arial" charset="0"/>
          <a:ea typeface="ＭＳ Ｐゴシック" pitchFamily="-128" charset="-128"/>
        </a:defRPr>
      </a:lvl3pPr>
      <a:lvl4pPr algn="l" rtl="0" eaLnBrk="1" fontAlgn="base" hangingPunct="1">
        <a:spcBef>
          <a:spcPct val="0"/>
        </a:spcBef>
        <a:spcAft>
          <a:spcPct val="0"/>
        </a:spcAft>
        <a:defRPr sz="3600">
          <a:solidFill>
            <a:schemeClr val="bg1"/>
          </a:solidFill>
          <a:latin typeface="Arial" charset="0"/>
          <a:ea typeface="ＭＳ Ｐゴシック" pitchFamily="-128" charset="-128"/>
        </a:defRPr>
      </a:lvl4pPr>
      <a:lvl5pPr algn="l" rtl="0" eaLnBrk="1" fontAlgn="base" hangingPunct="1">
        <a:spcBef>
          <a:spcPct val="0"/>
        </a:spcBef>
        <a:spcAft>
          <a:spcPct val="0"/>
        </a:spcAft>
        <a:defRPr sz="3600">
          <a:solidFill>
            <a:schemeClr val="bg1"/>
          </a:solidFill>
          <a:latin typeface="Arial" charset="0"/>
          <a:ea typeface="ＭＳ Ｐゴシック" pitchFamily="-128" charset="-128"/>
        </a:defRPr>
      </a:lvl5pPr>
      <a:lvl6pPr marL="457200" algn="l" rtl="0" eaLnBrk="1" fontAlgn="base" hangingPunct="1">
        <a:spcBef>
          <a:spcPct val="0"/>
        </a:spcBef>
        <a:spcAft>
          <a:spcPct val="0"/>
        </a:spcAft>
        <a:defRPr sz="3600">
          <a:solidFill>
            <a:schemeClr val="bg1"/>
          </a:solidFill>
          <a:latin typeface="Arial" charset="0"/>
          <a:ea typeface="ＭＳ Ｐゴシック" pitchFamily="-128" charset="-128"/>
        </a:defRPr>
      </a:lvl6pPr>
      <a:lvl7pPr marL="914400" algn="l" rtl="0" eaLnBrk="1" fontAlgn="base" hangingPunct="1">
        <a:spcBef>
          <a:spcPct val="0"/>
        </a:spcBef>
        <a:spcAft>
          <a:spcPct val="0"/>
        </a:spcAft>
        <a:defRPr sz="3600">
          <a:solidFill>
            <a:schemeClr val="bg1"/>
          </a:solidFill>
          <a:latin typeface="Arial" charset="0"/>
          <a:ea typeface="ＭＳ Ｐゴシック" pitchFamily="-128" charset="-128"/>
        </a:defRPr>
      </a:lvl7pPr>
      <a:lvl8pPr marL="1371600" algn="l" rtl="0" eaLnBrk="1" fontAlgn="base" hangingPunct="1">
        <a:spcBef>
          <a:spcPct val="0"/>
        </a:spcBef>
        <a:spcAft>
          <a:spcPct val="0"/>
        </a:spcAft>
        <a:defRPr sz="3600">
          <a:solidFill>
            <a:schemeClr val="bg1"/>
          </a:solidFill>
          <a:latin typeface="Arial" charset="0"/>
          <a:ea typeface="ＭＳ Ｐゴシック" pitchFamily="-128" charset="-128"/>
        </a:defRPr>
      </a:lvl8pPr>
      <a:lvl9pPr marL="1828800" algn="l" rtl="0" eaLnBrk="1" fontAlgn="base" hangingPunct="1">
        <a:spcBef>
          <a:spcPct val="0"/>
        </a:spcBef>
        <a:spcAft>
          <a:spcPct val="0"/>
        </a:spcAft>
        <a:defRPr sz="3600">
          <a:solidFill>
            <a:schemeClr val="bg1"/>
          </a:solidFill>
          <a:latin typeface="Arial" charset="0"/>
          <a:ea typeface="ＭＳ Ｐゴシック" pitchFamily="-128" charset="-128"/>
        </a:defRPr>
      </a:lvl9pPr>
    </p:titleStyle>
    <p:bodyStyle>
      <a:lvl1pPr marL="342900" indent="-342900" algn="l" rtl="0" eaLnBrk="1" fontAlgn="base" hangingPunct="1">
        <a:spcBef>
          <a:spcPct val="20000"/>
        </a:spcBef>
        <a:spcAft>
          <a:spcPct val="0"/>
        </a:spcAft>
        <a:buClr>
          <a:srgbClr val="A80C35"/>
        </a:buClr>
        <a:buChar char="•"/>
        <a:defRPr sz="1800">
          <a:solidFill>
            <a:schemeClr val="tx1"/>
          </a:solidFill>
          <a:latin typeface="+mn-lt"/>
          <a:ea typeface="+mn-ea"/>
          <a:cs typeface="+mn-cs"/>
        </a:defRPr>
      </a:lvl1pPr>
      <a:lvl2pPr marL="742950" indent="-285750" algn="l" rtl="0" eaLnBrk="1" fontAlgn="base" hangingPunct="1">
        <a:spcBef>
          <a:spcPct val="20000"/>
        </a:spcBef>
        <a:spcAft>
          <a:spcPct val="0"/>
        </a:spcAft>
        <a:buClr>
          <a:srgbClr val="A80C35"/>
        </a:buClr>
        <a:buChar char="–"/>
        <a:defRPr sz="1800">
          <a:solidFill>
            <a:schemeClr val="tx1"/>
          </a:solidFill>
          <a:latin typeface="+mn-lt"/>
          <a:ea typeface="+mn-ea"/>
        </a:defRPr>
      </a:lvl2pPr>
      <a:lvl3pPr marL="1143000" indent="-228600" algn="l" rtl="0" eaLnBrk="1" fontAlgn="base" hangingPunct="1">
        <a:spcBef>
          <a:spcPct val="20000"/>
        </a:spcBef>
        <a:spcAft>
          <a:spcPct val="0"/>
        </a:spcAft>
        <a:buClr>
          <a:srgbClr val="A80C35"/>
        </a:buClr>
        <a:buChar char="•"/>
        <a:defRPr sz="1800">
          <a:solidFill>
            <a:schemeClr val="tx1"/>
          </a:solidFill>
          <a:latin typeface="+mn-lt"/>
          <a:ea typeface="+mn-ea"/>
        </a:defRPr>
      </a:lvl3pPr>
      <a:lvl4pPr marL="1600200" indent="-228600" algn="l" rtl="0" eaLnBrk="1" fontAlgn="base" hangingPunct="1">
        <a:spcBef>
          <a:spcPct val="20000"/>
        </a:spcBef>
        <a:spcAft>
          <a:spcPct val="0"/>
        </a:spcAft>
        <a:buClr>
          <a:srgbClr val="A80C35"/>
        </a:buClr>
        <a:buChar char="–"/>
        <a:defRPr sz="1800">
          <a:solidFill>
            <a:schemeClr val="tx1"/>
          </a:solidFill>
          <a:latin typeface="+mn-lt"/>
          <a:ea typeface="+mn-ea"/>
        </a:defRPr>
      </a:lvl4pPr>
      <a:lvl5pPr marL="2057400" indent="-228600" algn="l" rtl="0" eaLnBrk="1" fontAlgn="base" hangingPunct="1">
        <a:spcBef>
          <a:spcPct val="20000"/>
        </a:spcBef>
        <a:spcAft>
          <a:spcPct val="0"/>
        </a:spcAft>
        <a:buClr>
          <a:srgbClr val="A80C35"/>
        </a:buClr>
        <a:buChar char="»"/>
        <a:defRPr sz="1800">
          <a:solidFill>
            <a:schemeClr val="tx1"/>
          </a:solidFill>
          <a:latin typeface="+mn-lt"/>
          <a:ea typeface="+mn-ea"/>
        </a:defRPr>
      </a:lvl5pPr>
      <a:lvl6pPr marL="2514600" indent="-228600" algn="l" rtl="0" eaLnBrk="1" fontAlgn="base" hangingPunct="1">
        <a:spcBef>
          <a:spcPct val="20000"/>
        </a:spcBef>
        <a:spcAft>
          <a:spcPct val="0"/>
        </a:spcAft>
        <a:buClr>
          <a:srgbClr val="CD0845"/>
        </a:buClr>
        <a:buChar char="»"/>
        <a:defRPr sz="2400">
          <a:solidFill>
            <a:schemeClr val="tx1"/>
          </a:solidFill>
          <a:latin typeface="+mn-lt"/>
          <a:ea typeface="+mn-ea"/>
        </a:defRPr>
      </a:lvl6pPr>
      <a:lvl7pPr marL="2971800" indent="-228600" algn="l" rtl="0" eaLnBrk="1" fontAlgn="base" hangingPunct="1">
        <a:spcBef>
          <a:spcPct val="20000"/>
        </a:spcBef>
        <a:spcAft>
          <a:spcPct val="0"/>
        </a:spcAft>
        <a:buClr>
          <a:srgbClr val="CD0845"/>
        </a:buClr>
        <a:buChar char="»"/>
        <a:defRPr sz="2400">
          <a:solidFill>
            <a:schemeClr val="tx1"/>
          </a:solidFill>
          <a:latin typeface="+mn-lt"/>
          <a:ea typeface="+mn-ea"/>
        </a:defRPr>
      </a:lvl7pPr>
      <a:lvl8pPr marL="3429000" indent="-228600" algn="l" rtl="0" eaLnBrk="1" fontAlgn="base" hangingPunct="1">
        <a:spcBef>
          <a:spcPct val="20000"/>
        </a:spcBef>
        <a:spcAft>
          <a:spcPct val="0"/>
        </a:spcAft>
        <a:buClr>
          <a:srgbClr val="CD0845"/>
        </a:buClr>
        <a:buChar char="»"/>
        <a:defRPr sz="2400">
          <a:solidFill>
            <a:schemeClr val="tx1"/>
          </a:solidFill>
          <a:latin typeface="+mn-lt"/>
          <a:ea typeface="+mn-ea"/>
        </a:defRPr>
      </a:lvl8pPr>
      <a:lvl9pPr marL="3886200" indent="-228600" algn="l" rtl="0" eaLnBrk="1" fontAlgn="base" hangingPunct="1">
        <a:spcBef>
          <a:spcPct val="20000"/>
        </a:spcBef>
        <a:spcAft>
          <a:spcPct val="0"/>
        </a:spcAft>
        <a:buClr>
          <a:srgbClr val="CD0845"/>
        </a:buClr>
        <a:buChar char="»"/>
        <a:defRPr sz="2400">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bwMode="gray">
      <p:bgPr>
        <a:solidFill>
          <a:schemeClr val="bg1"/>
        </a:solidFill>
        <a:effectLst/>
      </p:bgPr>
    </p:bg>
    <p:spTree>
      <p:nvGrpSpPr>
        <p:cNvPr id="1" name=""/>
        <p:cNvGrpSpPr/>
        <p:nvPr/>
      </p:nvGrpSpPr>
      <p:grpSpPr>
        <a:xfrm>
          <a:off x="0" y="0"/>
          <a:ext cx="0" cy="0"/>
          <a:chOff x="0" y="0"/>
          <a:chExt cx="0" cy="0"/>
        </a:xfrm>
      </p:grpSpPr>
      <p:sp>
        <p:nvSpPr>
          <p:cNvPr id="12" name="Rectangle 3">
            <a:extLst>
              <a:ext uri="{FF2B5EF4-FFF2-40B4-BE49-F238E27FC236}">
                <a16:creationId xmlns:a16="http://schemas.microsoft.com/office/drawing/2014/main" id="{1AEDD610-9FE0-4FF9-89B5-9EC1F7AFDDC6}"/>
              </a:ext>
            </a:extLst>
          </p:cNvPr>
          <p:cNvSpPr>
            <a:spLocks noGrp="1" noChangeArrowheads="1"/>
          </p:cNvSpPr>
          <p:nvPr>
            <p:ph type="body" idx="1"/>
          </p:nvPr>
        </p:nvSpPr>
        <p:spPr bwMode="auto">
          <a:xfrm>
            <a:off x="406399" y="1340767"/>
            <a:ext cx="11378233" cy="532396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en-GB" altLang="en-US" dirty="0"/>
              <a:t>Edit Master text styles</a:t>
            </a:r>
            <a:endParaRPr lang="en-GB"/>
          </a:p>
          <a:p>
            <a:pPr lvl="1"/>
            <a:r>
              <a:rPr lang="en-GB" altLang="en-US" dirty="0"/>
              <a:t>Second level</a:t>
            </a:r>
            <a:endParaRPr lang="en-GB"/>
          </a:p>
          <a:p>
            <a:pPr lvl="2"/>
            <a:r>
              <a:rPr lang="en-GB" altLang="en-US" dirty="0"/>
              <a:t>Third level</a:t>
            </a:r>
            <a:endParaRPr lang="en-GB"/>
          </a:p>
          <a:p>
            <a:pPr lvl="3"/>
            <a:r>
              <a:rPr lang="en-GB" altLang="en-US" dirty="0"/>
              <a:t>Fourth level</a:t>
            </a:r>
            <a:endParaRPr lang="en-GB"/>
          </a:p>
          <a:p>
            <a:pPr lvl="4"/>
            <a:r>
              <a:rPr lang="en-GB" altLang="en-US" dirty="0"/>
              <a:t>Fifth level</a:t>
            </a:r>
            <a:endParaRPr lang="en-GB"/>
          </a:p>
        </p:txBody>
      </p:sp>
      <p:sp>
        <p:nvSpPr>
          <p:cNvPr id="13" name="Rectangle 9">
            <a:extLst>
              <a:ext uri="{FF2B5EF4-FFF2-40B4-BE49-F238E27FC236}">
                <a16:creationId xmlns:a16="http://schemas.microsoft.com/office/drawing/2014/main" id="{B9C246AC-670D-4A6E-87DE-CF3CA5506482}"/>
              </a:ext>
            </a:extLst>
          </p:cNvPr>
          <p:cNvSpPr>
            <a:spLocks noGrp="1" noChangeArrowheads="1"/>
          </p:cNvSpPr>
          <p:nvPr>
            <p:ph type="title"/>
          </p:nvPr>
        </p:nvSpPr>
        <p:spPr bwMode="auto">
          <a:xfrm>
            <a:off x="406400" y="326364"/>
            <a:ext cx="11378232" cy="914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en-GB" altLang="en-US" dirty="0"/>
              <a:t>Click to edit Master title style</a:t>
            </a:r>
            <a:endParaRPr lang="en-GB"/>
          </a:p>
        </p:txBody>
      </p:sp>
      <p:sp>
        <p:nvSpPr>
          <p:cNvPr id="18" name="Rectangle 11">
            <a:extLst>
              <a:ext uri="{FF2B5EF4-FFF2-40B4-BE49-F238E27FC236}">
                <a16:creationId xmlns:a16="http://schemas.microsoft.com/office/drawing/2014/main" id="{70AA76D1-0AC6-4D38-B784-D34BC286E309}"/>
              </a:ext>
            </a:extLst>
          </p:cNvPr>
          <p:cNvSpPr>
            <a:spLocks noGrp="1" noChangeArrowheads="1"/>
          </p:cNvSpPr>
          <p:nvPr>
            <p:ph type="sldNum" sz="quarter" idx="4"/>
          </p:nvPr>
        </p:nvSpPr>
        <p:spPr bwMode="auto">
          <a:xfrm>
            <a:off x="9299872" y="6377399"/>
            <a:ext cx="2844800" cy="287338"/>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defRPr sz="1050">
                <a:solidFill>
                  <a:schemeClr val="tx1"/>
                </a:solidFill>
                <a:latin typeface="+mn-lt"/>
              </a:defRPr>
            </a:lvl1pPr>
          </a:lstStyle>
          <a:p>
            <a:pPr>
              <a:defRPr/>
            </a:pPr>
            <a:fld id="{AA923FDD-4DD3-41BE-8EE6-C8ADE94079E1}" type="slidenum">
              <a:rPr lang="en-GB" smtClean="0"/>
              <a:pPr>
                <a:defRPr/>
              </a:pPr>
              <a:t>‹#›</a:t>
            </a:fld>
            <a:endParaRPr lang="en-GB" dirty="0"/>
          </a:p>
        </p:txBody>
      </p:sp>
      <p:sp>
        <p:nvSpPr>
          <p:cNvPr id="2" name="Rectangle 1" descr="{&quot;templafy&quot;:{&quot;id&quot;:&quot;1243f5c2-7f09-4ff9-9c71-dc7d9ac0d5cc&quot;}}">
            <a:extLst>
              <a:ext uri="{FF2B5EF4-FFF2-40B4-BE49-F238E27FC236}">
                <a16:creationId xmlns:a16="http://schemas.microsoft.com/office/drawing/2014/main" id="{D7AD831F-5CFA-ED36-5FBB-4B7D92A17C03}"/>
              </a:ext>
            </a:extLst>
          </p:cNvPr>
          <p:cNvSpPr/>
          <p:nvPr userDrawn="1"/>
        </p:nvSpPr>
        <p:spPr bwMode="auto">
          <a:xfrm>
            <a:off x="10427344" y="6565180"/>
            <a:ext cx="1717328" cy="19911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r" defTabSz="914400" rtl="0" eaLnBrk="0" fontAlgn="base" latinLnBrk="0" hangingPunct="0">
              <a:lnSpc>
                <a:spcPct val="100000"/>
              </a:lnSpc>
              <a:spcBef>
                <a:spcPct val="0"/>
              </a:spcBef>
              <a:spcAft>
                <a:spcPct val="0"/>
              </a:spcAft>
              <a:buClrTx/>
              <a:buSzTx/>
              <a:buFontTx/>
              <a:buNone/>
              <a:tabLst/>
            </a:pPr>
            <a:endParaRPr kumimoji="0" lang="en-GB" sz="1050" b="1" i="0" u="none" strike="noStrike" cap="none" normalizeH="0" baseline="0" dirty="0">
              <a:ln>
                <a:noFill/>
              </a:ln>
              <a:solidFill>
                <a:schemeClr val="tx1"/>
              </a:solidFill>
              <a:effectLst/>
              <a:latin typeface="+mn-lt"/>
              <a:ea typeface="ＭＳ Ｐゴシック" pitchFamily="-128" charset="-128"/>
            </a:endParaRPr>
          </a:p>
        </p:txBody>
      </p:sp>
      <p:sp>
        <p:nvSpPr>
          <p:cNvPr id="3" name="text" descr="{&quot;templafy&quot;:{&quot;id&quot;:&quot;bcf483a9-09f3-4f8a-a428-c33f05d5cfa8&quot;}}" title="UserProfile.DisclaimerBD.Companyname">
            <a:extLst>
              <a:ext uri="{FF2B5EF4-FFF2-40B4-BE49-F238E27FC236}">
                <a16:creationId xmlns:a16="http://schemas.microsoft.com/office/drawing/2014/main" id="{62992DF1-58A6-3BE8-21D9-81EF98CEECA2}"/>
              </a:ext>
            </a:extLst>
          </p:cNvPr>
          <p:cNvSpPr txBox="1"/>
          <p:nvPr userDrawn="1"/>
        </p:nvSpPr>
        <p:spPr>
          <a:xfrm>
            <a:off x="406400" y="30636"/>
            <a:ext cx="4825504" cy="230832"/>
          </a:xfrm>
          <a:prstGeom prst="rect">
            <a:avLst/>
          </a:prstGeom>
          <a:noFill/>
        </p:spPr>
        <p:txBody>
          <a:bodyPr wrap="square" rtlCol="0" anchor="ctr">
            <a:spAutoFit/>
          </a:bodyPr>
          <a:lstStyle/>
          <a:p>
            <a:r>
              <a:rPr lang="en-GB" sz="900" b="1" dirty="0">
                <a:solidFill>
                  <a:srgbClr val="A80C35"/>
                </a:solidFill>
                <a:latin typeface="+mj-lt"/>
              </a:rPr>
              <a:t>Pinsent Masons LLP</a:t>
            </a:r>
          </a:p>
        </p:txBody>
      </p:sp>
      <p:sp>
        <p:nvSpPr>
          <p:cNvPr id="4" name="text 1" descr="{&quot;templafy&quot;:{&quot;id&quot;:&quot;64b8c28a-cae9-4c07-9a24-daf7f2bbf945&quot;}}" title="UserProfile.DisclaimerBD.Brandsignoffinsert">
            <a:extLst>
              <a:ext uri="{FF2B5EF4-FFF2-40B4-BE49-F238E27FC236}">
                <a16:creationId xmlns:a16="http://schemas.microsoft.com/office/drawing/2014/main" id="{CC6DDA0B-336C-D4D7-C0D9-786E30FD1434}"/>
              </a:ext>
            </a:extLst>
          </p:cNvPr>
          <p:cNvSpPr/>
          <p:nvPr userDrawn="1"/>
        </p:nvSpPr>
        <p:spPr bwMode="auto">
          <a:xfrm>
            <a:off x="4871864" y="14344"/>
            <a:ext cx="6959600" cy="263417"/>
          </a:xfrm>
          <a:prstGeom prst="rect">
            <a:avLst/>
          </a:prstGeom>
          <a:noFill/>
          <a:ln w="9525" cap="flat" cmpd="sng" algn="ctr">
            <a:solidFill>
              <a:schemeClr val="bg1"/>
            </a:solid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algn="r" defTabSz="914400" rtl="0" eaLnBrk="0" fontAlgn="base" latinLnBrk="0" hangingPunct="0">
              <a:lnSpc>
                <a:spcPct val="100000"/>
              </a:lnSpc>
              <a:spcBef>
                <a:spcPct val="0"/>
              </a:spcBef>
              <a:spcAft>
                <a:spcPct val="0"/>
              </a:spcAft>
              <a:buClrTx/>
              <a:buSzTx/>
              <a:buFontTx/>
              <a:buNone/>
              <a:tabLst/>
            </a:pPr>
            <a:r>
              <a:rPr kumimoji="0" lang="en-GB" sz="900" b="0" i="0" u="none" strike="noStrike" cap="none" normalizeH="0" baseline="0" dirty="0">
                <a:ln>
                  <a:noFill/>
                </a:ln>
                <a:solidFill>
                  <a:schemeClr val="tx1"/>
                </a:solidFill>
                <a:effectLst/>
                <a:latin typeface="+mj-lt"/>
                <a:ea typeface="ＭＳ Ｐゴシック" pitchFamily="-128" charset="-128"/>
              </a:rPr>
              <a:t>A purpose-led professional services business with law at the core</a:t>
            </a:r>
          </a:p>
        </p:txBody>
      </p:sp>
      <p:cxnSp>
        <p:nvCxnSpPr>
          <p:cNvPr id="5" name="Straight Connector 4">
            <a:extLst>
              <a:ext uri="{FF2B5EF4-FFF2-40B4-BE49-F238E27FC236}">
                <a16:creationId xmlns:a16="http://schemas.microsoft.com/office/drawing/2014/main" id="{422EFD56-081B-1BD9-2984-583764F28EC0}"/>
              </a:ext>
            </a:extLst>
          </p:cNvPr>
          <p:cNvCxnSpPr>
            <a:cxnSpLocks/>
          </p:cNvCxnSpPr>
          <p:nvPr userDrawn="1"/>
        </p:nvCxnSpPr>
        <p:spPr bwMode="auto">
          <a:xfrm flipV="1">
            <a:off x="0" y="278180"/>
            <a:ext cx="12192000" cy="17532"/>
          </a:xfrm>
          <a:prstGeom prst="line">
            <a:avLst/>
          </a:prstGeom>
          <a:solidFill>
            <a:schemeClr val="accent1"/>
          </a:solidFill>
          <a:ln w="12700" cap="flat" cmpd="sng" algn="ctr">
            <a:solidFill>
              <a:schemeClr val="accent1"/>
            </a:solidFill>
            <a:prstDash val="solid"/>
            <a:round/>
            <a:headEnd type="none" w="med" len="med"/>
            <a:tailEnd type="none" w="med" len="med"/>
          </a:ln>
          <a:effectLst/>
        </p:spPr>
      </p:cxnSp>
    </p:spTree>
    <p:extLst>
      <p:ext uri="{BB962C8B-B14F-4D97-AF65-F5344CB8AC3E}">
        <p14:creationId xmlns:p14="http://schemas.microsoft.com/office/powerpoint/2010/main" val="1805502784"/>
      </p:ext>
    </p:extLst>
  </p:cSld>
  <p:clrMap bg1="lt1" tx1="dk1" bg2="lt2" tx2="dk2" accent1="accent1" accent2="accent2" accent3="accent3" accent4="accent4" accent5="accent5" accent6="accent6" hlink="hlink" folHlink="folHlink"/>
  <p:sldLayoutIdLst>
    <p:sldLayoutId id="2147484078" r:id="rId1"/>
    <p:sldLayoutId id="2147484079" r:id="rId2"/>
    <p:sldLayoutId id="2147484080" r:id="rId3"/>
    <p:sldLayoutId id="2147484081" r:id="rId4"/>
    <p:sldLayoutId id="2147484082" r:id="rId5"/>
    <p:sldLayoutId id="2147484083" r:id="rId6"/>
    <p:sldLayoutId id="2147484084" r:id="rId7"/>
    <p:sldLayoutId id="2147484085" r:id="rId8"/>
    <p:sldLayoutId id="2147484086" r:id="rId9"/>
    <p:sldLayoutId id="2147484087" r:id="rId10"/>
  </p:sldLayoutIdLst>
  <p:txStyles>
    <p:titleStyle>
      <a:lvl1pPr algn="l" rtl="0" eaLnBrk="1" fontAlgn="base" hangingPunct="1">
        <a:spcBef>
          <a:spcPct val="0"/>
        </a:spcBef>
        <a:spcAft>
          <a:spcPct val="0"/>
        </a:spcAft>
        <a:defRPr sz="3200">
          <a:solidFill>
            <a:srgbClr val="A80C35"/>
          </a:solidFill>
          <a:latin typeface="+mj-lt"/>
          <a:ea typeface="+mj-ea"/>
          <a:cs typeface="+mj-cs"/>
        </a:defRPr>
      </a:lvl1pPr>
      <a:lvl2pPr algn="l" rtl="0" eaLnBrk="1" fontAlgn="base" hangingPunct="1">
        <a:spcBef>
          <a:spcPct val="0"/>
        </a:spcBef>
        <a:spcAft>
          <a:spcPct val="0"/>
        </a:spcAft>
        <a:defRPr sz="3600">
          <a:solidFill>
            <a:schemeClr val="bg1"/>
          </a:solidFill>
          <a:latin typeface="Arial" charset="0"/>
          <a:ea typeface="ＭＳ Ｐゴシック" pitchFamily="-128" charset="-128"/>
        </a:defRPr>
      </a:lvl2pPr>
      <a:lvl3pPr algn="l" rtl="0" eaLnBrk="1" fontAlgn="base" hangingPunct="1">
        <a:spcBef>
          <a:spcPct val="0"/>
        </a:spcBef>
        <a:spcAft>
          <a:spcPct val="0"/>
        </a:spcAft>
        <a:defRPr sz="3600">
          <a:solidFill>
            <a:schemeClr val="bg1"/>
          </a:solidFill>
          <a:latin typeface="Arial" charset="0"/>
          <a:ea typeface="ＭＳ Ｐゴシック" pitchFamily="-128" charset="-128"/>
        </a:defRPr>
      </a:lvl3pPr>
      <a:lvl4pPr algn="l" rtl="0" eaLnBrk="1" fontAlgn="base" hangingPunct="1">
        <a:spcBef>
          <a:spcPct val="0"/>
        </a:spcBef>
        <a:spcAft>
          <a:spcPct val="0"/>
        </a:spcAft>
        <a:defRPr sz="3600">
          <a:solidFill>
            <a:schemeClr val="bg1"/>
          </a:solidFill>
          <a:latin typeface="Arial" charset="0"/>
          <a:ea typeface="ＭＳ Ｐゴシック" pitchFamily="-128" charset="-128"/>
        </a:defRPr>
      </a:lvl4pPr>
      <a:lvl5pPr algn="l" rtl="0" eaLnBrk="1" fontAlgn="base" hangingPunct="1">
        <a:spcBef>
          <a:spcPct val="0"/>
        </a:spcBef>
        <a:spcAft>
          <a:spcPct val="0"/>
        </a:spcAft>
        <a:defRPr sz="3600">
          <a:solidFill>
            <a:schemeClr val="bg1"/>
          </a:solidFill>
          <a:latin typeface="Arial" charset="0"/>
          <a:ea typeface="ＭＳ Ｐゴシック" pitchFamily="-128" charset="-128"/>
        </a:defRPr>
      </a:lvl5pPr>
      <a:lvl6pPr marL="457200" algn="l" rtl="0" eaLnBrk="1" fontAlgn="base" hangingPunct="1">
        <a:spcBef>
          <a:spcPct val="0"/>
        </a:spcBef>
        <a:spcAft>
          <a:spcPct val="0"/>
        </a:spcAft>
        <a:defRPr sz="3600">
          <a:solidFill>
            <a:schemeClr val="bg1"/>
          </a:solidFill>
          <a:latin typeface="Arial" charset="0"/>
          <a:ea typeface="ＭＳ Ｐゴシック" pitchFamily="-128" charset="-128"/>
        </a:defRPr>
      </a:lvl6pPr>
      <a:lvl7pPr marL="914400" algn="l" rtl="0" eaLnBrk="1" fontAlgn="base" hangingPunct="1">
        <a:spcBef>
          <a:spcPct val="0"/>
        </a:spcBef>
        <a:spcAft>
          <a:spcPct val="0"/>
        </a:spcAft>
        <a:defRPr sz="3600">
          <a:solidFill>
            <a:schemeClr val="bg1"/>
          </a:solidFill>
          <a:latin typeface="Arial" charset="0"/>
          <a:ea typeface="ＭＳ Ｐゴシック" pitchFamily="-128" charset="-128"/>
        </a:defRPr>
      </a:lvl7pPr>
      <a:lvl8pPr marL="1371600" algn="l" rtl="0" eaLnBrk="1" fontAlgn="base" hangingPunct="1">
        <a:spcBef>
          <a:spcPct val="0"/>
        </a:spcBef>
        <a:spcAft>
          <a:spcPct val="0"/>
        </a:spcAft>
        <a:defRPr sz="3600">
          <a:solidFill>
            <a:schemeClr val="bg1"/>
          </a:solidFill>
          <a:latin typeface="Arial" charset="0"/>
          <a:ea typeface="ＭＳ Ｐゴシック" pitchFamily="-128" charset="-128"/>
        </a:defRPr>
      </a:lvl8pPr>
      <a:lvl9pPr marL="1828800" algn="l" rtl="0" eaLnBrk="1" fontAlgn="base" hangingPunct="1">
        <a:spcBef>
          <a:spcPct val="0"/>
        </a:spcBef>
        <a:spcAft>
          <a:spcPct val="0"/>
        </a:spcAft>
        <a:defRPr sz="3600">
          <a:solidFill>
            <a:schemeClr val="bg1"/>
          </a:solidFill>
          <a:latin typeface="Arial" charset="0"/>
          <a:ea typeface="ＭＳ Ｐゴシック" pitchFamily="-128" charset="-128"/>
        </a:defRPr>
      </a:lvl9pPr>
    </p:titleStyle>
    <p:bodyStyle>
      <a:lvl1pPr marL="342900" indent="-342900" algn="l" rtl="0" eaLnBrk="1" fontAlgn="base" hangingPunct="1">
        <a:spcBef>
          <a:spcPct val="20000"/>
        </a:spcBef>
        <a:spcAft>
          <a:spcPct val="0"/>
        </a:spcAft>
        <a:buClr>
          <a:srgbClr val="A80C35"/>
        </a:buClr>
        <a:buChar char="•"/>
        <a:defRPr sz="1800">
          <a:solidFill>
            <a:schemeClr val="tx1"/>
          </a:solidFill>
          <a:latin typeface="+mn-lt"/>
          <a:ea typeface="+mn-ea"/>
          <a:cs typeface="+mn-cs"/>
        </a:defRPr>
      </a:lvl1pPr>
      <a:lvl2pPr marL="742950" indent="-285750" algn="l" rtl="0" eaLnBrk="1" fontAlgn="base" hangingPunct="1">
        <a:spcBef>
          <a:spcPct val="20000"/>
        </a:spcBef>
        <a:spcAft>
          <a:spcPct val="0"/>
        </a:spcAft>
        <a:buClr>
          <a:srgbClr val="A80C35"/>
        </a:buClr>
        <a:buChar char="–"/>
        <a:defRPr sz="1800">
          <a:solidFill>
            <a:schemeClr val="tx1"/>
          </a:solidFill>
          <a:latin typeface="+mn-lt"/>
          <a:ea typeface="+mn-ea"/>
        </a:defRPr>
      </a:lvl2pPr>
      <a:lvl3pPr marL="1143000" indent="-228600" algn="l" rtl="0" eaLnBrk="1" fontAlgn="base" hangingPunct="1">
        <a:spcBef>
          <a:spcPct val="20000"/>
        </a:spcBef>
        <a:spcAft>
          <a:spcPct val="0"/>
        </a:spcAft>
        <a:buClr>
          <a:srgbClr val="A80C35"/>
        </a:buClr>
        <a:buChar char="•"/>
        <a:defRPr sz="1800">
          <a:solidFill>
            <a:schemeClr val="tx1"/>
          </a:solidFill>
          <a:latin typeface="+mn-lt"/>
          <a:ea typeface="+mn-ea"/>
        </a:defRPr>
      </a:lvl3pPr>
      <a:lvl4pPr marL="1600200" indent="-228600" algn="l" rtl="0" eaLnBrk="1" fontAlgn="base" hangingPunct="1">
        <a:spcBef>
          <a:spcPct val="20000"/>
        </a:spcBef>
        <a:spcAft>
          <a:spcPct val="0"/>
        </a:spcAft>
        <a:buClr>
          <a:srgbClr val="A80C35"/>
        </a:buClr>
        <a:buChar char="–"/>
        <a:defRPr sz="1800">
          <a:solidFill>
            <a:schemeClr val="tx1"/>
          </a:solidFill>
          <a:latin typeface="+mn-lt"/>
          <a:ea typeface="+mn-ea"/>
        </a:defRPr>
      </a:lvl4pPr>
      <a:lvl5pPr marL="2057400" indent="-228600" algn="l" rtl="0" eaLnBrk="1" fontAlgn="base" hangingPunct="1">
        <a:spcBef>
          <a:spcPct val="20000"/>
        </a:spcBef>
        <a:spcAft>
          <a:spcPct val="0"/>
        </a:spcAft>
        <a:buClr>
          <a:srgbClr val="A80C35"/>
        </a:buClr>
        <a:buChar char="»"/>
        <a:defRPr sz="1800">
          <a:solidFill>
            <a:schemeClr val="tx1"/>
          </a:solidFill>
          <a:latin typeface="+mn-lt"/>
          <a:ea typeface="+mn-ea"/>
        </a:defRPr>
      </a:lvl5pPr>
      <a:lvl6pPr marL="2514600" indent="-228600" algn="l" rtl="0" eaLnBrk="1" fontAlgn="base" hangingPunct="1">
        <a:spcBef>
          <a:spcPct val="20000"/>
        </a:spcBef>
        <a:spcAft>
          <a:spcPct val="0"/>
        </a:spcAft>
        <a:buClr>
          <a:srgbClr val="CD0845"/>
        </a:buClr>
        <a:buChar char="»"/>
        <a:defRPr sz="2400">
          <a:solidFill>
            <a:schemeClr val="tx1"/>
          </a:solidFill>
          <a:latin typeface="+mn-lt"/>
          <a:ea typeface="+mn-ea"/>
        </a:defRPr>
      </a:lvl6pPr>
      <a:lvl7pPr marL="2971800" indent="-228600" algn="l" rtl="0" eaLnBrk="1" fontAlgn="base" hangingPunct="1">
        <a:spcBef>
          <a:spcPct val="20000"/>
        </a:spcBef>
        <a:spcAft>
          <a:spcPct val="0"/>
        </a:spcAft>
        <a:buClr>
          <a:srgbClr val="CD0845"/>
        </a:buClr>
        <a:buChar char="»"/>
        <a:defRPr sz="2400">
          <a:solidFill>
            <a:schemeClr val="tx1"/>
          </a:solidFill>
          <a:latin typeface="+mn-lt"/>
          <a:ea typeface="+mn-ea"/>
        </a:defRPr>
      </a:lvl7pPr>
      <a:lvl8pPr marL="3429000" indent="-228600" algn="l" rtl="0" eaLnBrk="1" fontAlgn="base" hangingPunct="1">
        <a:spcBef>
          <a:spcPct val="20000"/>
        </a:spcBef>
        <a:spcAft>
          <a:spcPct val="0"/>
        </a:spcAft>
        <a:buClr>
          <a:srgbClr val="CD0845"/>
        </a:buClr>
        <a:buChar char="»"/>
        <a:defRPr sz="2400">
          <a:solidFill>
            <a:schemeClr val="tx1"/>
          </a:solidFill>
          <a:latin typeface="+mn-lt"/>
          <a:ea typeface="+mn-ea"/>
        </a:defRPr>
      </a:lvl8pPr>
      <a:lvl9pPr marL="3886200" indent="-228600" algn="l" rtl="0" eaLnBrk="1" fontAlgn="base" hangingPunct="1">
        <a:spcBef>
          <a:spcPct val="20000"/>
        </a:spcBef>
        <a:spcAft>
          <a:spcPct val="0"/>
        </a:spcAft>
        <a:buClr>
          <a:srgbClr val="CD0845"/>
        </a:buClr>
        <a:buChar char="»"/>
        <a:defRPr sz="2400">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7" Type="http://schemas.openxmlformats.org/officeDocument/2006/relationships/image" Target="../media/image3.png"/><Relationship Id="rId2" Type="http://schemas.openxmlformats.org/officeDocument/2006/relationships/customXml" Target="../../customXml/item4.xml"/><Relationship Id="rId1" Type="http://schemas.openxmlformats.org/officeDocument/2006/relationships/customXml" Target="../../customXml/item3.xml"/><Relationship Id="rId6" Type="http://schemas.openxmlformats.org/officeDocument/2006/relationships/image" Target="../media/image4.emf"/><Relationship Id="rId5" Type="http://schemas.openxmlformats.org/officeDocument/2006/relationships/image" Target="../media/image2.emf"/><Relationship Id="rId4" Type="http://schemas.openxmlformats.org/officeDocument/2006/relationships/image" Target="../media/image8.jpeg"/></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diagramData" Target="../diagrams/data7.xml"/><Relationship Id="rId7" Type="http://schemas.microsoft.com/office/2007/relationships/diagramDrawing" Target="../diagrams/drawing7.xml"/><Relationship Id="rId2" Type="http://schemas.openxmlformats.org/officeDocument/2006/relationships/notesSlide" Target="../notesSlides/notesSlide9.xml"/><Relationship Id="rId1" Type="http://schemas.openxmlformats.org/officeDocument/2006/relationships/slideLayout" Target="../slideLayouts/slideLayout9.xml"/><Relationship Id="rId6" Type="http://schemas.openxmlformats.org/officeDocument/2006/relationships/diagramColors" Target="../diagrams/colors7.xml"/><Relationship Id="rId5" Type="http://schemas.openxmlformats.org/officeDocument/2006/relationships/diagramQuickStyle" Target="../diagrams/quickStyle7.xml"/><Relationship Id="rId4" Type="http://schemas.openxmlformats.org/officeDocument/2006/relationships/diagramLayout" Target="../diagrams/layout7.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3" Type="http://schemas.openxmlformats.org/officeDocument/2006/relationships/diagramData" Target="../diagrams/data8.xml"/><Relationship Id="rId7" Type="http://schemas.microsoft.com/office/2007/relationships/diagramDrawing" Target="../diagrams/drawing8.xml"/><Relationship Id="rId2" Type="http://schemas.openxmlformats.org/officeDocument/2006/relationships/notesSlide" Target="../notesSlides/notesSlide11.xml"/><Relationship Id="rId1" Type="http://schemas.openxmlformats.org/officeDocument/2006/relationships/slideLayout" Target="../slideLayouts/slideLayout9.xml"/><Relationship Id="rId6" Type="http://schemas.openxmlformats.org/officeDocument/2006/relationships/diagramColors" Target="../diagrams/colors8.xml"/><Relationship Id="rId5" Type="http://schemas.openxmlformats.org/officeDocument/2006/relationships/diagramQuickStyle" Target="../diagrams/quickStyle8.xml"/><Relationship Id="rId4" Type="http://schemas.openxmlformats.org/officeDocument/2006/relationships/diagramLayout" Target="../diagrams/layout8.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3" Type="http://schemas.openxmlformats.org/officeDocument/2006/relationships/diagramLayout" Target="../diagrams/layout9.xml"/><Relationship Id="rId2" Type="http://schemas.openxmlformats.org/officeDocument/2006/relationships/diagramData" Target="../diagrams/data9.xml"/><Relationship Id="rId1" Type="http://schemas.openxmlformats.org/officeDocument/2006/relationships/slideLayout" Target="../slideLayouts/slideLayout11.xml"/><Relationship Id="rId6" Type="http://schemas.microsoft.com/office/2007/relationships/diagramDrawing" Target="../diagrams/drawing9.xml"/><Relationship Id="rId5" Type="http://schemas.openxmlformats.org/officeDocument/2006/relationships/diagramColors" Target="../diagrams/colors9.xml"/><Relationship Id="rId4" Type="http://schemas.openxmlformats.org/officeDocument/2006/relationships/diagramQuickStyle" Target="../diagrams/quickStyle9.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3" Type="http://schemas.openxmlformats.org/officeDocument/2006/relationships/diagramLayout" Target="../diagrams/layout10.xml"/><Relationship Id="rId2" Type="http://schemas.openxmlformats.org/officeDocument/2006/relationships/diagramData" Target="../diagrams/data10.xml"/><Relationship Id="rId1" Type="http://schemas.openxmlformats.org/officeDocument/2006/relationships/slideLayout" Target="../slideLayouts/slideLayout13.xml"/><Relationship Id="rId6" Type="http://schemas.microsoft.com/office/2007/relationships/diagramDrawing" Target="../diagrams/drawing10.xml"/><Relationship Id="rId5" Type="http://schemas.openxmlformats.org/officeDocument/2006/relationships/diagramColors" Target="../diagrams/colors10.xml"/><Relationship Id="rId4" Type="http://schemas.openxmlformats.org/officeDocument/2006/relationships/diagramQuickStyle" Target="../diagrams/quickStyle10.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3" Type="http://schemas.openxmlformats.org/officeDocument/2006/relationships/diagramData" Target="../diagrams/data11.xml"/><Relationship Id="rId7" Type="http://schemas.microsoft.com/office/2007/relationships/diagramDrawing" Target="../diagrams/drawing11.xml"/><Relationship Id="rId2" Type="http://schemas.openxmlformats.org/officeDocument/2006/relationships/notesSlide" Target="../notesSlides/notesSlide15.xml"/><Relationship Id="rId1" Type="http://schemas.openxmlformats.org/officeDocument/2006/relationships/slideLayout" Target="../slideLayouts/slideLayout13.xml"/><Relationship Id="rId6" Type="http://schemas.openxmlformats.org/officeDocument/2006/relationships/diagramColors" Target="../diagrams/colors11.xml"/><Relationship Id="rId5" Type="http://schemas.openxmlformats.org/officeDocument/2006/relationships/diagramQuickStyle" Target="../diagrams/quickStyle11.xml"/><Relationship Id="rId4" Type="http://schemas.openxmlformats.org/officeDocument/2006/relationships/diagramLayout" Target="../diagrams/layout11.xml"/></Relationships>
</file>

<file path=ppt/slides/_rels/slide2.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1.xml"/><Relationship Id="rId1" Type="http://schemas.openxmlformats.org/officeDocument/2006/relationships/slideLayout" Target="../slideLayouts/slideLayout3.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5.xml"/></Relationships>
</file>

<file path=ppt/slides/_rels/slide21.xml.rels><?xml version="1.0" encoding="UTF-8" standalone="yes"?>
<Relationships xmlns="http://schemas.openxmlformats.org/package/2006/relationships"><Relationship Id="rId3" Type="http://schemas.openxmlformats.org/officeDocument/2006/relationships/diagramData" Target="../diagrams/data12.xml"/><Relationship Id="rId7" Type="http://schemas.microsoft.com/office/2007/relationships/diagramDrawing" Target="../diagrams/drawing12.xml"/><Relationship Id="rId2" Type="http://schemas.openxmlformats.org/officeDocument/2006/relationships/notesSlide" Target="../notesSlides/notesSlide17.xml"/><Relationship Id="rId1" Type="http://schemas.openxmlformats.org/officeDocument/2006/relationships/slideLayout" Target="../slideLayouts/slideLayout3.xml"/><Relationship Id="rId6" Type="http://schemas.openxmlformats.org/officeDocument/2006/relationships/diagramColors" Target="../diagrams/colors12.xml"/><Relationship Id="rId5" Type="http://schemas.openxmlformats.org/officeDocument/2006/relationships/diagramQuickStyle" Target="../diagrams/quickStyle12.xml"/><Relationship Id="rId4" Type="http://schemas.openxmlformats.org/officeDocument/2006/relationships/diagramLayout" Target="../diagrams/layout12.xml"/></Relationships>
</file>

<file path=ppt/slides/_rels/slide22.xml.rels><?xml version="1.0" encoding="UTF-8" standalone="yes"?>
<Relationships xmlns="http://schemas.openxmlformats.org/package/2006/relationships"><Relationship Id="rId3" Type="http://schemas.openxmlformats.org/officeDocument/2006/relationships/diagramData" Target="../diagrams/data13.xml"/><Relationship Id="rId7" Type="http://schemas.microsoft.com/office/2007/relationships/diagramDrawing" Target="../diagrams/drawing13.xml"/><Relationship Id="rId2" Type="http://schemas.openxmlformats.org/officeDocument/2006/relationships/notesSlide" Target="../notesSlides/notesSlide18.xml"/><Relationship Id="rId1" Type="http://schemas.openxmlformats.org/officeDocument/2006/relationships/slideLayout" Target="../slideLayouts/slideLayout5.xml"/><Relationship Id="rId6" Type="http://schemas.openxmlformats.org/officeDocument/2006/relationships/diagramColors" Target="../diagrams/colors13.xml"/><Relationship Id="rId5" Type="http://schemas.openxmlformats.org/officeDocument/2006/relationships/diagramQuickStyle" Target="../diagrams/quickStyle13.xml"/><Relationship Id="rId4" Type="http://schemas.openxmlformats.org/officeDocument/2006/relationships/diagramLayout" Target="../diagrams/layout13.xml"/></Relationships>
</file>

<file path=ppt/slides/_rels/slide23.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9.xml"/><Relationship Id="rId1" Type="http://schemas.openxmlformats.org/officeDocument/2006/relationships/slideLayout" Target="../slideLayouts/slideLayout5.xml"/><Relationship Id="rId4" Type="http://schemas.openxmlformats.org/officeDocument/2006/relationships/image" Target="../media/image51.pn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8" Type="http://schemas.openxmlformats.org/officeDocument/2006/relationships/diagramData" Target="../diagrams/data3.xml"/><Relationship Id="rId13" Type="http://schemas.openxmlformats.org/officeDocument/2006/relationships/image" Target="../media/image9.jpeg"/><Relationship Id="rId3" Type="http://schemas.openxmlformats.org/officeDocument/2006/relationships/diagramData" Target="../diagrams/data2.xml"/><Relationship Id="rId7" Type="http://schemas.microsoft.com/office/2007/relationships/diagramDrawing" Target="../diagrams/drawing2.xml"/><Relationship Id="rId12" Type="http://schemas.microsoft.com/office/2007/relationships/diagramDrawing" Target="../diagrams/drawing3.xml"/><Relationship Id="rId2" Type="http://schemas.openxmlformats.org/officeDocument/2006/relationships/notesSlide" Target="../notesSlides/notesSlide4.xml"/><Relationship Id="rId1" Type="http://schemas.openxmlformats.org/officeDocument/2006/relationships/slideLayout" Target="../slideLayouts/slideLayout3.xml"/><Relationship Id="rId6" Type="http://schemas.openxmlformats.org/officeDocument/2006/relationships/diagramColors" Target="../diagrams/colors2.xml"/><Relationship Id="rId11" Type="http://schemas.openxmlformats.org/officeDocument/2006/relationships/diagramColors" Target="../diagrams/colors3.xml"/><Relationship Id="rId5" Type="http://schemas.openxmlformats.org/officeDocument/2006/relationships/diagramQuickStyle" Target="../diagrams/quickStyle2.xml"/><Relationship Id="rId10" Type="http://schemas.openxmlformats.org/officeDocument/2006/relationships/diagramQuickStyle" Target="../diagrams/quickStyle3.xml"/><Relationship Id="rId4" Type="http://schemas.openxmlformats.org/officeDocument/2006/relationships/diagramLayout" Target="../diagrams/layout2.xml"/><Relationship Id="rId9" Type="http://schemas.openxmlformats.org/officeDocument/2006/relationships/diagramLayout" Target="../diagrams/layout3.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13.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_rels/slide8.xml.rels><?xml version="1.0" encoding="UTF-8" standalone="yes"?>
<Relationships xmlns="http://schemas.openxmlformats.org/package/2006/relationships"><Relationship Id="rId3" Type="http://schemas.openxmlformats.org/officeDocument/2006/relationships/diagramData" Target="../diagrams/data5.xml"/><Relationship Id="rId7" Type="http://schemas.microsoft.com/office/2007/relationships/diagramDrawing" Target="../diagrams/drawing5.xml"/><Relationship Id="rId2" Type="http://schemas.openxmlformats.org/officeDocument/2006/relationships/notesSlide" Target="../notesSlides/notesSlide6.xml"/><Relationship Id="rId1" Type="http://schemas.openxmlformats.org/officeDocument/2006/relationships/slideLayout" Target="../slideLayouts/slideLayout13.xml"/><Relationship Id="rId6" Type="http://schemas.openxmlformats.org/officeDocument/2006/relationships/diagramColors" Target="../diagrams/colors5.xml"/><Relationship Id="rId5" Type="http://schemas.openxmlformats.org/officeDocument/2006/relationships/diagramQuickStyle" Target="../diagrams/quickStyle5.xml"/><Relationship Id="rId4" Type="http://schemas.openxmlformats.org/officeDocument/2006/relationships/diagramLayout" Target="../diagrams/layout5.xml"/></Relationships>
</file>

<file path=ppt/slides/_rels/slide9.xml.rels><?xml version="1.0" encoding="UTF-8" standalone="yes"?>
<Relationships xmlns="http://schemas.openxmlformats.org/package/2006/relationships"><Relationship Id="rId3" Type="http://schemas.openxmlformats.org/officeDocument/2006/relationships/diagramData" Target="../diagrams/data6.xml"/><Relationship Id="rId7" Type="http://schemas.microsoft.com/office/2007/relationships/diagramDrawing" Target="../diagrams/drawing6.xml"/><Relationship Id="rId2" Type="http://schemas.openxmlformats.org/officeDocument/2006/relationships/notesSlide" Target="../notesSlides/notesSlide7.xml"/><Relationship Id="rId1" Type="http://schemas.openxmlformats.org/officeDocument/2006/relationships/slideLayout" Target="../slideLayouts/slideLayout5.xml"/><Relationship Id="rId6" Type="http://schemas.openxmlformats.org/officeDocument/2006/relationships/diagramColors" Target="../diagrams/colors6.xml"/><Relationship Id="rId5" Type="http://schemas.openxmlformats.org/officeDocument/2006/relationships/diagramQuickStyle" Target="../diagrams/quickStyle6.xml"/><Relationship Id="rId4" Type="http://schemas.openxmlformats.org/officeDocument/2006/relationships/diagramLayout" Target="../diagrams/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a:extLst>
              <a:ext uri="{FF2B5EF4-FFF2-40B4-BE49-F238E27FC236}">
                <a16:creationId xmlns:a16="http://schemas.microsoft.com/office/drawing/2014/main" id="{56589538-0014-2D7E-53F8-72F22A2F5D2B}"/>
              </a:ext>
            </a:extLst>
          </p:cNvPr>
          <p:cNvPicPr>
            <a:picLocks noGrp="1" noChangeAspect="1"/>
          </p:cNvPicPr>
          <p:nvPr>
            <p:ph type="pic" sz="quarter" idx="11"/>
          </p:nvPr>
        </p:nvPicPr>
        <p:blipFill>
          <a:blip r:embed="rId4"/>
          <a:srcRect t="7813" b="7813"/>
          <a:stretch>
            <a:fillRect/>
          </a:stretch>
        </p:blipFill>
        <p:spPr/>
      </p:pic>
      <p:sp>
        <p:nvSpPr>
          <p:cNvPr id="3" name="Text Placeholder 2">
            <a:extLst>
              <a:ext uri="{FF2B5EF4-FFF2-40B4-BE49-F238E27FC236}">
                <a16:creationId xmlns:a16="http://schemas.microsoft.com/office/drawing/2014/main" id="{152B0201-2FA6-9DD9-4F98-B6CC1617B18D}"/>
              </a:ext>
            </a:extLst>
          </p:cNvPr>
          <p:cNvSpPr>
            <a:spLocks noGrp="1"/>
          </p:cNvSpPr>
          <p:nvPr>
            <p:ph type="body" sz="quarter" idx="10"/>
          </p:nvPr>
        </p:nvSpPr>
        <p:spPr>
          <a:xfrm>
            <a:off x="2927648" y="0"/>
            <a:ext cx="9263683" cy="8253536"/>
          </a:xfrm>
        </p:spPr>
        <p:txBody>
          <a:bodyPr/>
          <a:lstStyle/>
          <a:p>
            <a:endParaRPr lang="en-GB" dirty="0"/>
          </a:p>
        </p:txBody>
      </p:sp>
      <p:sp>
        <p:nvSpPr>
          <p:cNvPr id="4" name="Subtitle 3">
            <a:extLst>
              <a:ext uri="{FF2B5EF4-FFF2-40B4-BE49-F238E27FC236}">
                <a16:creationId xmlns:a16="http://schemas.microsoft.com/office/drawing/2014/main" id="{26012E08-D808-DD44-EE1C-2B40ACE61E48}"/>
              </a:ext>
            </a:extLst>
          </p:cNvPr>
          <p:cNvSpPr>
            <a:spLocks noGrp="1"/>
          </p:cNvSpPr>
          <p:nvPr>
            <p:ph type="subTitle" idx="1"/>
          </p:nvPr>
        </p:nvSpPr>
        <p:spPr>
          <a:xfrm>
            <a:off x="7641664" y="4292216"/>
            <a:ext cx="4156800" cy="1213200"/>
          </a:xfrm>
        </p:spPr>
        <p:txBody>
          <a:bodyPr/>
          <a:lstStyle/>
          <a:p>
            <a:r>
              <a:rPr lang="en-GB" dirty="0"/>
              <a:t>Gillian Harrington</a:t>
            </a:r>
          </a:p>
          <a:p>
            <a:r>
              <a:rPr lang="en-GB" dirty="0"/>
              <a:t>Sarah Munro</a:t>
            </a:r>
          </a:p>
          <a:p>
            <a:r>
              <a:rPr lang="en-GB" dirty="0"/>
              <a:t>13 November 2025</a:t>
            </a:r>
          </a:p>
        </p:txBody>
      </p:sp>
      <p:sp>
        <p:nvSpPr>
          <p:cNvPr id="5" name="Title 4">
            <a:extLst>
              <a:ext uri="{FF2B5EF4-FFF2-40B4-BE49-F238E27FC236}">
                <a16:creationId xmlns:a16="http://schemas.microsoft.com/office/drawing/2014/main" id="{08F61833-B252-F051-8C6E-73CC50F0D6B0}"/>
              </a:ext>
            </a:extLst>
          </p:cNvPr>
          <p:cNvSpPr>
            <a:spLocks noGrp="1"/>
          </p:cNvSpPr>
          <p:nvPr>
            <p:ph type="ctrTitle"/>
          </p:nvPr>
        </p:nvSpPr>
        <p:spPr>
          <a:xfrm>
            <a:off x="6528048" y="1961260"/>
            <a:ext cx="5270416" cy="1501200"/>
          </a:xfrm>
        </p:spPr>
        <p:txBody>
          <a:bodyPr/>
          <a:lstStyle/>
          <a:p>
            <a:br>
              <a:rPr lang="en-GB" b="1" dirty="0"/>
            </a:br>
            <a:br>
              <a:rPr lang="en-GB" b="1" dirty="0"/>
            </a:br>
            <a:r>
              <a:rPr lang="en-GB" b="1" dirty="0"/>
              <a:t>A practical guide to TUPE and outsourcing</a:t>
            </a:r>
            <a:br>
              <a:rPr lang="en-GB" b="1" dirty="0"/>
            </a:br>
            <a:br>
              <a:rPr lang="en-GB" sz="2400" dirty="0"/>
            </a:br>
            <a:r>
              <a:rPr lang="en-GB" sz="2400" dirty="0"/>
              <a:t>Annual Employment Law Conference 2025</a:t>
            </a:r>
            <a:endParaRPr lang="en-GB" dirty="0"/>
          </a:p>
        </p:txBody>
      </p:sp>
      <p:sp>
        <p:nvSpPr>
          <p:cNvPr id="30" name="AwardImage3" descr="{&quot;templafy&quot;:{&quot;id&quot;:&quot;7e1a0ad4-7cdf-4b8c-aee3-397fcc13ca3c&quot;}}" title="UserProfile.DisclaimerBD.Brandsignoffinsert">
            <a:extLst>
              <a:ext uri="{FF2B5EF4-FFF2-40B4-BE49-F238E27FC236}">
                <a16:creationId xmlns:a16="http://schemas.microsoft.com/office/drawing/2014/main" id="{5995FD77-E710-ADE9-3992-291C729ED9EF}"/>
              </a:ext>
            </a:extLst>
          </p:cNvPr>
          <p:cNvSpPr/>
          <p:nvPr/>
        </p:nvSpPr>
        <p:spPr bwMode="auto">
          <a:xfrm>
            <a:off x="8328248" y="6021287"/>
            <a:ext cx="3470216" cy="609721"/>
          </a:xfrm>
          <a:prstGeom prst="rect">
            <a:avLst/>
          </a:prstGeom>
          <a:no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r" defTabSz="914400" rtl="0" eaLnBrk="0" fontAlgn="base" latinLnBrk="0" hangingPunct="0">
              <a:lnSpc>
                <a:spcPct val="100000"/>
              </a:lnSpc>
              <a:spcBef>
                <a:spcPct val="0"/>
              </a:spcBef>
              <a:spcAft>
                <a:spcPct val="0"/>
              </a:spcAft>
              <a:buClrTx/>
              <a:buSzTx/>
              <a:buFontTx/>
              <a:buNone/>
              <a:tabLst/>
            </a:pPr>
            <a:r>
              <a:rPr kumimoji="0" lang="en-GB" sz="900" b="1" i="0" u="none" strike="noStrike" kern="1000" cap="all" normalizeH="0" baseline="0" dirty="0">
                <a:ln>
                  <a:noFill/>
                </a:ln>
                <a:solidFill>
                  <a:schemeClr val="tx1"/>
                </a:solidFill>
                <a:effectLst/>
                <a:latin typeface="+mj-lt"/>
                <a:ea typeface="ＭＳ Ｐゴシック" pitchFamily="-128" charset="-128"/>
              </a:rPr>
              <a:t>A purpose-led professional services business with law at the core</a:t>
            </a:r>
            <a:endParaRPr lang="en-GB"/>
          </a:p>
        </p:txBody>
      </p:sp>
      <p:pic>
        <p:nvPicPr>
          <p:cNvPr id="31" name="LogoImage" descr="{&quot;templafy&quot;:{&quot;id&quot;:&quot;24164b49-c68c-4352-bce4-0a1e8c5bd7b8&quot;}}">
            <a:extLst>
              <a:ext uri="{FF2B5EF4-FFF2-40B4-BE49-F238E27FC236}">
                <a16:creationId xmlns:a16="http://schemas.microsoft.com/office/drawing/2014/main" id="{D59419C6-4B88-5630-987E-AC2815D5A7FA}"/>
              </a:ext>
            </a:extLst>
          </p:cNvPr>
          <p:cNvPicPr>
            <a:picLocks noChangeAspect="1"/>
          </p:cNvPicPr>
          <p:nvPr/>
        </p:nvPicPr>
        <p:blipFill>
          <a:blip r:embed="rId5"/>
          <a:stretch>
            <a:fillRect/>
          </a:stretch>
        </p:blipFill>
        <p:spPr>
          <a:xfrm>
            <a:off x="9939600" y="547200"/>
            <a:ext cx="1440000" cy="643294"/>
          </a:xfrm>
          <a:prstGeom prst="rect">
            <a:avLst/>
          </a:prstGeom>
        </p:spPr>
      </p:pic>
      <p:pic>
        <p:nvPicPr>
          <p:cNvPr id="97" name="AwardImage2" descr="{&quot;templafy&quot;:{&quot;id&quot;:&quot;60d28f42-eee1-400a-8485-0f7e5d3d9248&quot;}}">
            <a:extLst>
              <a:ext uri="{FF2B5EF4-FFF2-40B4-BE49-F238E27FC236}">
                <a16:creationId xmlns:a16="http://schemas.microsoft.com/office/drawing/2014/main" id="{39CF45CF-6BA0-F7FE-0258-9C95199D904F}"/>
              </a:ext>
            </a:extLst>
          </p:cNvPr>
          <p:cNvPicPr>
            <a:picLocks noChangeAspect="1"/>
          </p:cNvPicPr>
          <p:nvPr/>
        </p:nvPicPr>
        <p:blipFill>
          <a:blip r:embed="rId6"/>
          <a:stretch>
            <a:fillRect/>
          </a:stretch>
        </p:blipFill>
        <p:spPr>
          <a:xfrm>
            <a:off x="2495760" y="640800"/>
            <a:ext cx="2095385" cy="360000"/>
          </a:xfrm>
          <a:prstGeom prst="rect">
            <a:avLst/>
          </a:prstGeom>
        </p:spPr>
      </p:pic>
      <p:pic>
        <p:nvPicPr>
          <p:cNvPr id="2" name="AwardImage" descr="{&quot;templafy&quot;:{&quot;id&quot;:&quot;bb01311d-b114-4f2d-871b-37df513f4f69&quot;}}">
            <a:extLst>
              <a:ext uri="{FF2B5EF4-FFF2-40B4-BE49-F238E27FC236}">
                <a16:creationId xmlns:a16="http://schemas.microsoft.com/office/drawing/2014/main" id="{F58FE896-55D9-A1F5-8A7E-4392362E86A2}"/>
              </a:ext>
            </a:extLst>
          </p:cNvPr>
          <p:cNvPicPr>
            <a:picLocks noChangeAspect="1"/>
          </p:cNvPicPr>
          <p:nvPr/>
        </p:nvPicPr>
        <p:blipFill>
          <a:blip r:embed="rId7"/>
          <a:stretch>
            <a:fillRect/>
          </a:stretch>
        </p:blipFill>
        <p:spPr>
          <a:xfrm>
            <a:off x="540000" y="640800"/>
            <a:ext cx="2380881" cy="360000"/>
          </a:xfrm>
          <a:prstGeom prst="rect">
            <a:avLst/>
          </a:prstGeom>
        </p:spPr>
      </p:pic>
    </p:spTree>
    <p:custDataLst>
      <p:custData r:id="rId1"/>
      <p:custData r:id="rId2"/>
    </p:custDataLst>
    <p:extLst>
      <p:ext uri="{BB962C8B-B14F-4D97-AF65-F5344CB8AC3E}">
        <p14:creationId xmlns:p14="http://schemas.microsoft.com/office/powerpoint/2010/main" val="179088783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766A3B9-A2C9-32D5-AE4B-32AF4859235F}"/>
              </a:ext>
            </a:extLst>
          </p:cNvPr>
          <p:cNvSpPr>
            <a:spLocks noGrp="1"/>
          </p:cNvSpPr>
          <p:nvPr>
            <p:ph type="title"/>
          </p:nvPr>
        </p:nvSpPr>
        <p:spPr/>
        <p:txBody>
          <a:bodyPr/>
          <a:lstStyle/>
          <a:p>
            <a:r>
              <a:rPr lang="en-GB" dirty="0"/>
              <a:t>Identifying which employees transfer</a:t>
            </a:r>
          </a:p>
        </p:txBody>
      </p:sp>
      <p:grpSp>
        <p:nvGrpSpPr>
          <p:cNvPr id="30" name="Group 29">
            <a:extLst>
              <a:ext uri="{FF2B5EF4-FFF2-40B4-BE49-F238E27FC236}">
                <a16:creationId xmlns:a16="http://schemas.microsoft.com/office/drawing/2014/main" id="{00C8D41B-333B-B901-9E79-705021148308}"/>
              </a:ext>
            </a:extLst>
          </p:cNvPr>
          <p:cNvGrpSpPr/>
          <p:nvPr/>
        </p:nvGrpSpPr>
        <p:grpSpPr>
          <a:xfrm>
            <a:off x="2341744" y="1880511"/>
            <a:ext cx="3009600" cy="2913475"/>
            <a:chOff x="413281" y="1556792"/>
            <a:chExt cx="3009600" cy="2913475"/>
          </a:xfrm>
        </p:grpSpPr>
        <p:sp>
          <p:nvSpPr>
            <p:cNvPr id="23" name="Free-form: Shape 22">
              <a:extLst>
                <a:ext uri="{FF2B5EF4-FFF2-40B4-BE49-F238E27FC236}">
                  <a16:creationId xmlns:a16="http://schemas.microsoft.com/office/drawing/2014/main" id="{D6757A40-09AA-A988-F4B4-4311520C55BD}"/>
                </a:ext>
              </a:extLst>
            </p:cNvPr>
            <p:cNvSpPr/>
            <p:nvPr/>
          </p:nvSpPr>
          <p:spPr>
            <a:xfrm>
              <a:off x="413281" y="1556792"/>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TUPE</a:t>
              </a:r>
            </a:p>
          </p:txBody>
        </p:sp>
        <p:sp>
          <p:nvSpPr>
            <p:cNvPr id="24" name="Free-form: Shape 23">
              <a:extLst>
                <a:ext uri="{FF2B5EF4-FFF2-40B4-BE49-F238E27FC236}">
                  <a16:creationId xmlns:a16="http://schemas.microsoft.com/office/drawing/2014/main" id="{30E57DA5-A34F-E1D4-6C58-E2544E41659F}"/>
                </a:ext>
              </a:extLst>
            </p:cNvPr>
            <p:cNvSpPr/>
            <p:nvPr/>
          </p:nvSpPr>
          <p:spPr>
            <a:xfrm>
              <a:off x="672257" y="2851670"/>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25" name="Free-form: Shape 24">
              <a:extLst>
                <a:ext uri="{FF2B5EF4-FFF2-40B4-BE49-F238E27FC236}">
                  <a16:creationId xmlns:a16="http://schemas.microsoft.com/office/drawing/2014/main" id="{432CC1A5-17E5-57CD-D0F8-580B852D8BAE}"/>
                </a:ext>
              </a:extLst>
            </p:cNvPr>
            <p:cNvSpPr/>
            <p:nvPr/>
          </p:nvSpPr>
          <p:spPr>
            <a:xfrm>
              <a:off x="931232" y="3175389"/>
              <a:ext cx="2491649" cy="1294878"/>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Who transfers is a </a:t>
              </a:r>
              <a:br>
                <a:rPr lang="en-GB" sz="1800" kern="1200" dirty="0"/>
              </a:br>
              <a:r>
                <a:rPr lang="en-GB" sz="1800" kern="1200" dirty="0"/>
                <a:t>matter of law based on assignment</a:t>
              </a:r>
            </a:p>
          </p:txBody>
        </p:sp>
      </p:grpSp>
      <p:grpSp>
        <p:nvGrpSpPr>
          <p:cNvPr id="31" name="Group 30">
            <a:extLst>
              <a:ext uri="{FF2B5EF4-FFF2-40B4-BE49-F238E27FC236}">
                <a16:creationId xmlns:a16="http://schemas.microsoft.com/office/drawing/2014/main" id="{2E11D7D9-DC03-F556-DA05-0ED50766F5A2}"/>
              </a:ext>
            </a:extLst>
          </p:cNvPr>
          <p:cNvGrpSpPr/>
          <p:nvPr/>
        </p:nvGrpSpPr>
        <p:grpSpPr>
          <a:xfrm>
            <a:off x="6816080" y="1880511"/>
            <a:ext cx="3009600" cy="2913475"/>
            <a:chOff x="3864593" y="1556792"/>
            <a:chExt cx="3009600" cy="2913475"/>
          </a:xfrm>
        </p:grpSpPr>
        <p:sp>
          <p:nvSpPr>
            <p:cNvPr id="27" name="Free-form: Shape 26">
              <a:extLst>
                <a:ext uri="{FF2B5EF4-FFF2-40B4-BE49-F238E27FC236}">
                  <a16:creationId xmlns:a16="http://schemas.microsoft.com/office/drawing/2014/main" id="{ED87DC77-F468-A234-A2C9-4EED902E84C5}"/>
                </a:ext>
              </a:extLst>
            </p:cNvPr>
            <p:cNvSpPr/>
            <p:nvPr/>
          </p:nvSpPr>
          <p:spPr>
            <a:xfrm>
              <a:off x="3864593" y="1556792"/>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Commercial Position</a:t>
              </a:r>
            </a:p>
          </p:txBody>
        </p:sp>
        <p:sp>
          <p:nvSpPr>
            <p:cNvPr id="28" name="Free-form: Shape 27">
              <a:extLst>
                <a:ext uri="{FF2B5EF4-FFF2-40B4-BE49-F238E27FC236}">
                  <a16:creationId xmlns:a16="http://schemas.microsoft.com/office/drawing/2014/main" id="{31BCEC4F-96E6-7BDE-B62A-1B1E821B7BBC}"/>
                </a:ext>
              </a:extLst>
            </p:cNvPr>
            <p:cNvSpPr/>
            <p:nvPr/>
          </p:nvSpPr>
          <p:spPr>
            <a:xfrm>
              <a:off x="4123569" y="2851670"/>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29" name="Free-form: Shape 28">
              <a:extLst>
                <a:ext uri="{FF2B5EF4-FFF2-40B4-BE49-F238E27FC236}">
                  <a16:creationId xmlns:a16="http://schemas.microsoft.com/office/drawing/2014/main" id="{10B08C98-4963-0214-A1C5-F712F8894ACD}"/>
                </a:ext>
              </a:extLst>
            </p:cNvPr>
            <p:cNvSpPr/>
            <p:nvPr/>
          </p:nvSpPr>
          <p:spPr>
            <a:xfrm>
              <a:off x="4382544" y="3175389"/>
              <a:ext cx="2491649" cy="1294878"/>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Agree a list of transferring employees</a:t>
              </a:r>
            </a:p>
          </p:txBody>
        </p:sp>
      </p:grpSp>
    </p:spTree>
    <p:extLst>
      <p:ext uri="{BB962C8B-B14F-4D97-AF65-F5344CB8AC3E}">
        <p14:creationId xmlns:p14="http://schemas.microsoft.com/office/powerpoint/2010/main" val="62870594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0983C7-A176-F33C-30A3-7D85F2418E7D}"/>
              </a:ext>
            </a:extLst>
          </p:cNvPr>
          <p:cNvSpPr>
            <a:spLocks noGrp="1"/>
          </p:cNvSpPr>
          <p:nvPr>
            <p:ph type="title"/>
          </p:nvPr>
        </p:nvSpPr>
        <p:spPr>
          <a:xfrm>
            <a:off x="407368" y="351883"/>
            <a:ext cx="11377264" cy="914400"/>
          </a:xfrm>
        </p:spPr>
        <p:txBody>
          <a:bodyPr wrap="square" anchor="ctr">
            <a:normAutofit/>
          </a:bodyPr>
          <a:lstStyle/>
          <a:p>
            <a:r>
              <a:rPr lang="en-GB" dirty="0"/>
              <a:t>What if parties do not agree who is assigned?</a:t>
            </a:r>
          </a:p>
        </p:txBody>
      </p:sp>
      <p:graphicFrame>
        <p:nvGraphicFramePr>
          <p:cNvPr id="5" name="Content Placeholder 2">
            <a:extLst>
              <a:ext uri="{FF2B5EF4-FFF2-40B4-BE49-F238E27FC236}">
                <a16:creationId xmlns:a16="http://schemas.microsoft.com/office/drawing/2014/main" id="{3ADA4DAF-8F8B-529A-27A6-7A88AAA95B3F}"/>
              </a:ext>
            </a:extLst>
          </p:cNvPr>
          <p:cNvGraphicFramePr>
            <a:graphicFrameLocks noGrp="1"/>
          </p:cNvGraphicFramePr>
          <p:nvPr>
            <p:ph idx="1"/>
            <p:extLst>
              <p:ext uri="{D42A27DB-BD31-4B8C-83A1-F6EECF244321}">
                <p14:modId xmlns:p14="http://schemas.microsoft.com/office/powerpoint/2010/main" val="3921623011"/>
              </p:ext>
            </p:extLst>
          </p:nvPr>
        </p:nvGraphicFramePr>
        <p:xfrm>
          <a:off x="551384" y="1266283"/>
          <a:ext cx="10873208" cy="533859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97796467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129F62E-F556-A718-1895-548517F90785}"/>
              </a:ext>
            </a:extLst>
          </p:cNvPr>
          <p:cNvSpPr>
            <a:spLocks noGrp="1"/>
          </p:cNvSpPr>
          <p:nvPr>
            <p:ph type="title"/>
          </p:nvPr>
        </p:nvSpPr>
        <p:spPr/>
        <p:txBody>
          <a:bodyPr/>
          <a:lstStyle/>
          <a:p>
            <a:r>
              <a:rPr lang="en-GB" dirty="0"/>
              <a:t>Splitting transferring liabilities</a:t>
            </a:r>
          </a:p>
        </p:txBody>
      </p:sp>
      <p:sp>
        <p:nvSpPr>
          <p:cNvPr id="3" name="TextBox 2">
            <a:extLst>
              <a:ext uri="{FF2B5EF4-FFF2-40B4-BE49-F238E27FC236}">
                <a16:creationId xmlns:a16="http://schemas.microsoft.com/office/drawing/2014/main" id="{EF436CBA-F2E1-3A90-5840-94ED7873F925}"/>
              </a:ext>
            </a:extLst>
          </p:cNvPr>
          <p:cNvSpPr txBox="1"/>
          <p:nvPr/>
        </p:nvSpPr>
        <p:spPr>
          <a:xfrm>
            <a:off x="7185924" y="910750"/>
            <a:ext cx="5065735" cy="707886"/>
          </a:xfrm>
          <a:prstGeom prst="rect">
            <a:avLst/>
          </a:prstGeom>
          <a:noFill/>
        </p:spPr>
        <p:txBody>
          <a:bodyPr wrap="square" rtlCol="0">
            <a:spAutoFit/>
          </a:bodyPr>
          <a:lstStyle/>
          <a:p>
            <a:endParaRPr lang="en-GB" sz="2000" dirty="0"/>
          </a:p>
          <a:p>
            <a:endParaRPr lang="en-GB" sz="2000" dirty="0"/>
          </a:p>
        </p:txBody>
      </p:sp>
      <p:grpSp>
        <p:nvGrpSpPr>
          <p:cNvPr id="22" name="Group 21">
            <a:extLst>
              <a:ext uri="{FF2B5EF4-FFF2-40B4-BE49-F238E27FC236}">
                <a16:creationId xmlns:a16="http://schemas.microsoft.com/office/drawing/2014/main" id="{46A0FE7F-7520-16CF-45CA-E46C1ABC32B0}"/>
              </a:ext>
            </a:extLst>
          </p:cNvPr>
          <p:cNvGrpSpPr/>
          <p:nvPr/>
        </p:nvGrpSpPr>
        <p:grpSpPr>
          <a:xfrm>
            <a:off x="6960096" y="1338552"/>
            <a:ext cx="3312368" cy="4824535"/>
            <a:chOff x="4079776" y="1484784"/>
            <a:chExt cx="3312368" cy="4824535"/>
          </a:xfrm>
        </p:grpSpPr>
        <p:sp>
          <p:nvSpPr>
            <p:cNvPr id="12" name="Free-form: Shape 11">
              <a:extLst>
                <a:ext uri="{FF2B5EF4-FFF2-40B4-BE49-F238E27FC236}">
                  <a16:creationId xmlns:a16="http://schemas.microsoft.com/office/drawing/2014/main" id="{261EABB5-87FF-8D68-3A9C-7A351063FCF7}"/>
                </a:ext>
              </a:extLst>
            </p:cNvPr>
            <p:cNvSpPr/>
            <p:nvPr/>
          </p:nvSpPr>
          <p:spPr>
            <a:xfrm>
              <a:off x="4079776" y="1484784"/>
              <a:ext cx="2794417"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Commercial position </a:t>
              </a:r>
            </a:p>
          </p:txBody>
        </p:sp>
        <p:sp>
          <p:nvSpPr>
            <p:cNvPr id="13" name="Free-form: Shape 12">
              <a:extLst>
                <a:ext uri="{FF2B5EF4-FFF2-40B4-BE49-F238E27FC236}">
                  <a16:creationId xmlns:a16="http://schemas.microsoft.com/office/drawing/2014/main" id="{FAE82372-26EF-0156-2838-857476737E50}"/>
                </a:ext>
              </a:extLst>
            </p:cNvPr>
            <p:cNvSpPr/>
            <p:nvPr/>
          </p:nvSpPr>
          <p:spPr>
            <a:xfrm>
              <a:off x="4338752" y="2779662"/>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4" name="Free-form: Shape 13">
              <a:extLst>
                <a:ext uri="{FF2B5EF4-FFF2-40B4-BE49-F238E27FC236}">
                  <a16:creationId xmlns:a16="http://schemas.microsoft.com/office/drawing/2014/main" id="{B40D15BD-5CD2-43D0-251F-E11E489EF61D}"/>
                </a:ext>
              </a:extLst>
            </p:cNvPr>
            <p:cNvSpPr/>
            <p:nvPr/>
          </p:nvSpPr>
          <p:spPr>
            <a:xfrm>
              <a:off x="4597727" y="3103380"/>
              <a:ext cx="2794417" cy="3205939"/>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Agree that the new service provider will only be liable for liabilities which relate to AFTER service commencement.</a:t>
              </a:r>
            </a:p>
            <a:p>
              <a:pPr marL="0" lvl="0" indent="0" algn="ctr" defTabSz="800100">
                <a:lnSpc>
                  <a:spcPct val="90000"/>
                </a:lnSpc>
                <a:spcBef>
                  <a:spcPct val="0"/>
                </a:spcBef>
                <a:spcAft>
                  <a:spcPct val="35000"/>
                </a:spcAft>
                <a:buNone/>
              </a:pPr>
              <a:r>
                <a:rPr lang="en-GB" sz="1800" kern="1200" dirty="0"/>
                <a:t>Client or outgoing </a:t>
              </a:r>
              <a:r>
                <a:rPr lang="en-GB" sz="1800" dirty="0"/>
                <a:t>s</a:t>
              </a:r>
              <a:r>
                <a:rPr lang="en-GB" sz="1800" kern="1200" dirty="0"/>
                <a:t>ervice </a:t>
              </a:r>
              <a:r>
                <a:rPr lang="en-GB" sz="1800" dirty="0"/>
                <a:t>p</a:t>
              </a:r>
              <a:r>
                <a:rPr lang="en-GB" sz="1800" kern="1200" dirty="0"/>
                <a:t>rovider will be liable for liabilities which relate to BEFORE service commencement</a:t>
              </a:r>
            </a:p>
          </p:txBody>
        </p:sp>
      </p:grpSp>
      <p:grpSp>
        <p:nvGrpSpPr>
          <p:cNvPr id="21" name="Group 20">
            <a:extLst>
              <a:ext uri="{FF2B5EF4-FFF2-40B4-BE49-F238E27FC236}">
                <a16:creationId xmlns:a16="http://schemas.microsoft.com/office/drawing/2014/main" id="{6F6CA9E7-3398-EF36-6418-767989FBDE41}"/>
              </a:ext>
            </a:extLst>
          </p:cNvPr>
          <p:cNvGrpSpPr/>
          <p:nvPr/>
        </p:nvGrpSpPr>
        <p:grpSpPr>
          <a:xfrm>
            <a:off x="2409536" y="1346950"/>
            <a:ext cx="3312368" cy="4823261"/>
            <a:chOff x="409815" y="1484784"/>
            <a:chExt cx="3312368" cy="4823261"/>
          </a:xfrm>
        </p:grpSpPr>
        <p:sp>
          <p:nvSpPr>
            <p:cNvPr id="16" name="Free-form: Shape 15">
              <a:extLst>
                <a:ext uri="{FF2B5EF4-FFF2-40B4-BE49-F238E27FC236}">
                  <a16:creationId xmlns:a16="http://schemas.microsoft.com/office/drawing/2014/main" id="{02B769EF-F70E-EEAD-73FE-BA22C4DDD394}"/>
                </a:ext>
              </a:extLst>
            </p:cNvPr>
            <p:cNvSpPr/>
            <p:nvPr/>
          </p:nvSpPr>
          <p:spPr>
            <a:xfrm>
              <a:off x="409815" y="1484784"/>
              <a:ext cx="2794417"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TUPE</a:t>
              </a:r>
            </a:p>
          </p:txBody>
        </p:sp>
        <p:sp>
          <p:nvSpPr>
            <p:cNvPr id="17" name="Free-form: Shape 16">
              <a:extLst>
                <a:ext uri="{FF2B5EF4-FFF2-40B4-BE49-F238E27FC236}">
                  <a16:creationId xmlns:a16="http://schemas.microsoft.com/office/drawing/2014/main" id="{70DDF25E-B70A-12F7-D41A-D17E590547E6}"/>
                </a:ext>
              </a:extLst>
            </p:cNvPr>
            <p:cNvSpPr/>
            <p:nvPr/>
          </p:nvSpPr>
          <p:spPr>
            <a:xfrm>
              <a:off x="668791" y="2779662"/>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8" name="Free-form: Shape 17">
              <a:extLst>
                <a:ext uri="{FF2B5EF4-FFF2-40B4-BE49-F238E27FC236}">
                  <a16:creationId xmlns:a16="http://schemas.microsoft.com/office/drawing/2014/main" id="{9EBD92CD-1711-9ED8-B759-543BB3F7F9FF}"/>
                </a:ext>
              </a:extLst>
            </p:cNvPr>
            <p:cNvSpPr/>
            <p:nvPr/>
          </p:nvSpPr>
          <p:spPr>
            <a:xfrm>
              <a:off x="927766" y="3103381"/>
              <a:ext cx="2794417" cy="3204664"/>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Most liabilities arising from employment transfer from the transferee to the new service provider</a:t>
              </a:r>
            </a:p>
          </p:txBody>
        </p:sp>
      </p:grpSp>
    </p:spTree>
    <p:extLst>
      <p:ext uri="{BB962C8B-B14F-4D97-AF65-F5344CB8AC3E}">
        <p14:creationId xmlns:p14="http://schemas.microsoft.com/office/powerpoint/2010/main" val="294750763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78A8B5-5584-1EC1-B1DB-9072D152266E}"/>
              </a:ext>
            </a:extLst>
          </p:cNvPr>
          <p:cNvSpPr>
            <a:spLocks noGrp="1"/>
          </p:cNvSpPr>
          <p:nvPr>
            <p:ph type="title"/>
          </p:nvPr>
        </p:nvSpPr>
        <p:spPr>
          <a:xfrm>
            <a:off x="407368" y="351883"/>
            <a:ext cx="11377264" cy="914400"/>
          </a:xfrm>
        </p:spPr>
        <p:txBody>
          <a:bodyPr wrap="square" anchor="ctr">
            <a:normAutofit/>
          </a:bodyPr>
          <a:lstStyle/>
          <a:p>
            <a:r>
              <a:rPr lang="en-GB" dirty="0"/>
              <a:t>What if claims arise relating to pre-transfer disputes?</a:t>
            </a:r>
          </a:p>
        </p:txBody>
      </p:sp>
      <p:graphicFrame>
        <p:nvGraphicFramePr>
          <p:cNvPr id="5" name="Content Placeholder 2">
            <a:extLst>
              <a:ext uri="{FF2B5EF4-FFF2-40B4-BE49-F238E27FC236}">
                <a16:creationId xmlns:a16="http://schemas.microsoft.com/office/drawing/2014/main" id="{423CCE65-C267-216F-A001-1594107920E3}"/>
              </a:ext>
            </a:extLst>
          </p:cNvPr>
          <p:cNvGraphicFramePr>
            <a:graphicFrameLocks noGrp="1"/>
          </p:cNvGraphicFramePr>
          <p:nvPr>
            <p:ph idx="1"/>
            <p:extLst>
              <p:ext uri="{D42A27DB-BD31-4B8C-83A1-F6EECF244321}">
                <p14:modId xmlns:p14="http://schemas.microsoft.com/office/powerpoint/2010/main" val="2005609485"/>
              </p:ext>
            </p:extLst>
          </p:nvPr>
        </p:nvGraphicFramePr>
        <p:xfrm>
          <a:off x="983432" y="1167521"/>
          <a:ext cx="10369152" cy="533859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85000946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3257F7-7F8F-6A47-3261-22B39E11F177}"/>
              </a:ext>
            </a:extLst>
          </p:cNvPr>
          <p:cNvSpPr>
            <a:spLocks noGrp="1"/>
          </p:cNvSpPr>
          <p:nvPr>
            <p:ph type="title"/>
          </p:nvPr>
        </p:nvSpPr>
        <p:spPr/>
        <p:txBody>
          <a:bodyPr/>
          <a:lstStyle/>
          <a:p>
            <a:r>
              <a:rPr lang="en-GB" dirty="0"/>
              <a:t>Information and consultation</a:t>
            </a:r>
          </a:p>
        </p:txBody>
      </p:sp>
      <p:grpSp>
        <p:nvGrpSpPr>
          <p:cNvPr id="19" name="Group 18">
            <a:extLst>
              <a:ext uri="{FF2B5EF4-FFF2-40B4-BE49-F238E27FC236}">
                <a16:creationId xmlns:a16="http://schemas.microsoft.com/office/drawing/2014/main" id="{8DE3A62A-881F-71C1-7182-9698AA3F1AE0}"/>
              </a:ext>
            </a:extLst>
          </p:cNvPr>
          <p:cNvGrpSpPr/>
          <p:nvPr/>
        </p:nvGrpSpPr>
        <p:grpSpPr>
          <a:xfrm>
            <a:off x="2878804" y="1682965"/>
            <a:ext cx="3009600" cy="3310713"/>
            <a:chOff x="407368" y="1774471"/>
            <a:chExt cx="3009600" cy="3310713"/>
          </a:xfrm>
        </p:grpSpPr>
        <p:sp>
          <p:nvSpPr>
            <p:cNvPr id="12" name="Free-form: Shape 11">
              <a:extLst>
                <a:ext uri="{FF2B5EF4-FFF2-40B4-BE49-F238E27FC236}">
                  <a16:creationId xmlns:a16="http://schemas.microsoft.com/office/drawing/2014/main" id="{DA93A624-CD0F-1024-AB9F-1AAB9AA3FDA4}"/>
                </a:ext>
              </a:extLst>
            </p:cNvPr>
            <p:cNvSpPr/>
            <p:nvPr/>
          </p:nvSpPr>
          <p:spPr>
            <a:xfrm>
              <a:off x="407368" y="1774471"/>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TUPE</a:t>
              </a:r>
            </a:p>
          </p:txBody>
        </p:sp>
        <p:sp>
          <p:nvSpPr>
            <p:cNvPr id="13" name="Free-form: Shape 12">
              <a:extLst>
                <a:ext uri="{FF2B5EF4-FFF2-40B4-BE49-F238E27FC236}">
                  <a16:creationId xmlns:a16="http://schemas.microsoft.com/office/drawing/2014/main" id="{1ABE261B-6226-B60A-E916-79C08AA59AFB}"/>
                </a:ext>
              </a:extLst>
            </p:cNvPr>
            <p:cNvSpPr/>
            <p:nvPr/>
          </p:nvSpPr>
          <p:spPr>
            <a:xfrm>
              <a:off x="666344" y="3069349"/>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4" name="Free-form: Shape 13">
              <a:extLst>
                <a:ext uri="{FF2B5EF4-FFF2-40B4-BE49-F238E27FC236}">
                  <a16:creationId xmlns:a16="http://schemas.microsoft.com/office/drawing/2014/main" id="{210FD62D-38EA-EACE-E402-6FAEF453CBD9}"/>
                </a:ext>
              </a:extLst>
            </p:cNvPr>
            <p:cNvSpPr/>
            <p:nvPr/>
          </p:nvSpPr>
          <p:spPr>
            <a:xfrm>
              <a:off x="925319" y="3393068"/>
              <a:ext cx="2491649" cy="1692116"/>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Protective awards may be against the transferee and the transferor or “joint and several” </a:t>
              </a:r>
            </a:p>
          </p:txBody>
        </p:sp>
      </p:grpSp>
      <p:grpSp>
        <p:nvGrpSpPr>
          <p:cNvPr id="20" name="Group 19">
            <a:extLst>
              <a:ext uri="{FF2B5EF4-FFF2-40B4-BE49-F238E27FC236}">
                <a16:creationId xmlns:a16="http://schemas.microsoft.com/office/drawing/2014/main" id="{BE6D061B-477E-33FC-6567-EF3D26F829B4}"/>
              </a:ext>
            </a:extLst>
          </p:cNvPr>
          <p:cNvGrpSpPr/>
          <p:nvPr/>
        </p:nvGrpSpPr>
        <p:grpSpPr>
          <a:xfrm>
            <a:off x="6960096" y="1681892"/>
            <a:ext cx="3009600" cy="3310713"/>
            <a:chOff x="3811948" y="1774471"/>
            <a:chExt cx="3009600" cy="3310713"/>
          </a:xfrm>
        </p:grpSpPr>
        <p:sp>
          <p:nvSpPr>
            <p:cNvPr id="16" name="Free-form: Shape 15">
              <a:extLst>
                <a:ext uri="{FF2B5EF4-FFF2-40B4-BE49-F238E27FC236}">
                  <a16:creationId xmlns:a16="http://schemas.microsoft.com/office/drawing/2014/main" id="{72D18931-2353-7419-C4C2-E9C36A7F4C18}"/>
                </a:ext>
              </a:extLst>
            </p:cNvPr>
            <p:cNvSpPr/>
            <p:nvPr/>
          </p:nvSpPr>
          <p:spPr>
            <a:xfrm>
              <a:off x="3811948" y="1774471"/>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Commercial Position</a:t>
              </a:r>
            </a:p>
          </p:txBody>
        </p:sp>
        <p:sp>
          <p:nvSpPr>
            <p:cNvPr id="17" name="Free-form: Shape 16">
              <a:extLst>
                <a:ext uri="{FF2B5EF4-FFF2-40B4-BE49-F238E27FC236}">
                  <a16:creationId xmlns:a16="http://schemas.microsoft.com/office/drawing/2014/main" id="{38F19354-DE6A-6377-7BCD-BE7469F0321A}"/>
                </a:ext>
              </a:extLst>
            </p:cNvPr>
            <p:cNvSpPr/>
            <p:nvPr/>
          </p:nvSpPr>
          <p:spPr>
            <a:xfrm>
              <a:off x="4070924" y="3069349"/>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8" name="Free-form: Shape 17">
              <a:extLst>
                <a:ext uri="{FF2B5EF4-FFF2-40B4-BE49-F238E27FC236}">
                  <a16:creationId xmlns:a16="http://schemas.microsoft.com/office/drawing/2014/main" id="{315E65EB-25D2-CFC3-0A93-388274E943DE}"/>
                </a:ext>
              </a:extLst>
            </p:cNvPr>
            <p:cNvSpPr/>
            <p:nvPr/>
          </p:nvSpPr>
          <p:spPr>
            <a:xfrm>
              <a:off x="4329899" y="3393068"/>
              <a:ext cx="2491649" cy="1692116"/>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Agree that each party takes responsibility for their own role in the process </a:t>
              </a:r>
            </a:p>
          </p:txBody>
        </p:sp>
      </p:grpSp>
    </p:spTree>
    <p:extLst>
      <p:ext uri="{BB962C8B-B14F-4D97-AF65-F5344CB8AC3E}">
        <p14:creationId xmlns:p14="http://schemas.microsoft.com/office/powerpoint/2010/main" val="77908913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B5EC362-967A-5F05-A71D-8B11CE757D9B}"/>
              </a:ext>
            </a:extLst>
          </p:cNvPr>
          <p:cNvSpPr>
            <a:spLocks noGrp="1"/>
          </p:cNvSpPr>
          <p:nvPr>
            <p:ph type="title"/>
          </p:nvPr>
        </p:nvSpPr>
        <p:spPr>
          <a:xfrm>
            <a:off x="407368" y="351883"/>
            <a:ext cx="11377264" cy="914400"/>
          </a:xfrm>
        </p:spPr>
        <p:txBody>
          <a:bodyPr wrap="square" anchor="ctr">
            <a:normAutofit/>
          </a:bodyPr>
          <a:lstStyle/>
          <a:p>
            <a:r>
              <a:rPr lang="en-GB" dirty="0"/>
              <a:t>What if one of the parties doesn’t engage in the process?</a:t>
            </a:r>
          </a:p>
        </p:txBody>
      </p:sp>
      <p:graphicFrame>
        <p:nvGraphicFramePr>
          <p:cNvPr id="5" name="Content Placeholder 2">
            <a:extLst>
              <a:ext uri="{FF2B5EF4-FFF2-40B4-BE49-F238E27FC236}">
                <a16:creationId xmlns:a16="http://schemas.microsoft.com/office/drawing/2014/main" id="{AB395EDB-1E6D-DEC7-C385-79E12E590DB2}"/>
              </a:ext>
            </a:extLst>
          </p:cNvPr>
          <p:cNvGraphicFramePr>
            <a:graphicFrameLocks noGrp="1"/>
          </p:cNvGraphicFramePr>
          <p:nvPr>
            <p:ph type="dgm" sz="quarter" idx="11"/>
            <p:extLst>
              <p:ext uri="{D42A27DB-BD31-4B8C-83A1-F6EECF244321}">
                <p14:modId xmlns:p14="http://schemas.microsoft.com/office/powerpoint/2010/main" val="4179894129"/>
              </p:ext>
            </p:extLst>
          </p:nvPr>
        </p:nvGraphicFramePr>
        <p:xfrm>
          <a:off x="767408" y="1412776"/>
          <a:ext cx="10441160" cy="4680519"/>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43233143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F042A7-6816-10E4-026F-9015CA917FCE}"/>
              </a:ext>
            </a:extLst>
          </p:cNvPr>
          <p:cNvSpPr>
            <a:spLocks noGrp="1"/>
          </p:cNvSpPr>
          <p:nvPr>
            <p:ph type="title"/>
          </p:nvPr>
        </p:nvSpPr>
        <p:spPr/>
        <p:txBody>
          <a:bodyPr/>
          <a:lstStyle/>
          <a:p>
            <a:r>
              <a:rPr lang="en-GB" dirty="0"/>
              <a:t>Information provision</a:t>
            </a:r>
          </a:p>
        </p:txBody>
      </p:sp>
      <p:grpSp>
        <p:nvGrpSpPr>
          <p:cNvPr id="20" name="Group 19">
            <a:extLst>
              <a:ext uri="{FF2B5EF4-FFF2-40B4-BE49-F238E27FC236}">
                <a16:creationId xmlns:a16="http://schemas.microsoft.com/office/drawing/2014/main" id="{F1336E2E-E135-07F8-4BB5-2D014106BF79}"/>
              </a:ext>
            </a:extLst>
          </p:cNvPr>
          <p:cNvGrpSpPr/>
          <p:nvPr/>
        </p:nvGrpSpPr>
        <p:grpSpPr>
          <a:xfrm>
            <a:off x="2567608" y="1278005"/>
            <a:ext cx="3167550" cy="5398595"/>
            <a:chOff x="427700" y="1490633"/>
            <a:chExt cx="3167550" cy="5398595"/>
          </a:xfrm>
        </p:grpSpPr>
        <p:sp>
          <p:nvSpPr>
            <p:cNvPr id="12" name="Free-form: Shape 11">
              <a:extLst>
                <a:ext uri="{FF2B5EF4-FFF2-40B4-BE49-F238E27FC236}">
                  <a16:creationId xmlns:a16="http://schemas.microsoft.com/office/drawing/2014/main" id="{D049E2E0-104D-12D1-9C41-D05705ED534A}"/>
                </a:ext>
              </a:extLst>
            </p:cNvPr>
            <p:cNvSpPr/>
            <p:nvPr/>
          </p:nvSpPr>
          <p:spPr>
            <a:xfrm>
              <a:off x="427700" y="1490633"/>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TUPE</a:t>
              </a:r>
            </a:p>
          </p:txBody>
        </p:sp>
        <p:sp>
          <p:nvSpPr>
            <p:cNvPr id="13" name="Free-form: Shape 12">
              <a:extLst>
                <a:ext uri="{FF2B5EF4-FFF2-40B4-BE49-F238E27FC236}">
                  <a16:creationId xmlns:a16="http://schemas.microsoft.com/office/drawing/2014/main" id="{28A1FD16-5087-984B-4B32-B3D4330A6512}"/>
                </a:ext>
              </a:extLst>
            </p:cNvPr>
            <p:cNvSpPr/>
            <p:nvPr/>
          </p:nvSpPr>
          <p:spPr>
            <a:xfrm>
              <a:off x="686676" y="2785511"/>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4" name="Free-form: Shape 13">
              <a:extLst>
                <a:ext uri="{FF2B5EF4-FFF2-40B4-BE49-F238E27FC236}">
                  <a16:creationId xmlns:a16="http://schemas.microsoft.com/office/drawing/2014/main" id="{0E508BA0-9EFA-443C-3610-4EECCC548E59}"/>
                </a:ext>
              </a:extLst>
            </p:cNvPr>
            <p:cNvSpPr/>
            <p:nvPr/>
          </p:nvSpPr>
          <p:spPr>
            <a:xfrm>
              <a:off x="945650" y="3109228"/>
              <a:ext cx="2649600" cy="3780000"/>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lvl="0" algn="ctr" defTabSz="800100">
                <a:lnSpc>
                  <a:spcPct val="90000"/>
                </a:lnSpc>
                <a:spcAft>
                  <a:spcPct val="35000"/>
                </a:spcAft>
              </a:pPr>
              <a:r>
                <a:rPr lang="en-GB" sz="1800" dirty="0"/>
                <a:t>Outgoing service provider</a:t>
              </a:r>
              <a:r>
                <a:rPr lang="en-GB" sz="1800" kern="1200" dirty="0"/>
                <a:t> provides </a:t>
              </a:r>
              <a:r>
                <a:rPr lang="en-GB" sz="1800" dirty="0"/>
                <a:t>new service provider</a:t>
              </a:r>
              <a:r>
                <a:rPr lang="en-GB" sz="1800" kern="1200" dirty="0"/>
                <a:t> with minimum employee liability information (ELI)</a:t>
              </a:r>
            </a:p>
            <a:p>
              <a:pPr marL="0" lvl="0" indent="0" algn="ctr" defTabSz="800100">
                <a:lnSpc>
                  <a:spcPct val="90000"/>
                </a:lnSpc>
                <a:spcBef>
                  <a:spcPct val="0"/>
                </a:spcBef>
                <a:spcAft>
                  <a:spcPct val="35000"/>
                </a:spcAft>
                <a:buNone/>
              </a:pPr>
              <a:endParaRPr lang="en-GB" sz="1800" kern="1200" dirty="0"/>
            </a:p>
            <a:p>
              <a:pPr lvl="0" algn="ctr" defTabSz="800100">
                <a:lnSpc>
                  <a:spcPct val="90000"/>
                </a:lnSpc>
                <a:spcAft>
                  <a:spcPct val="35000"/>
                </a:spcAft>
              </a:pPr>
              <a:r>
                <a:rPr lang="en-GB" sz="1800" dirty="0"/>
                <a:t>New service provider</a:t>
              </a:r>
              <a:r>
                <a:rPr lang="en-GB" sz="1800" kern="1200" dirty="0"/>
                <a:t> can bring a tribunal claim against </a:t>
              </a:r>
              <a:r>
                <a:rPr lang="en-GB" sz="1800" dirty="0"/>
                <a:t>outgoing service provider</a:t>
              </a:r>
              <a:r>
                <a:rPr lang="en-GB" sz="1800" kern="1200" dirty="0"/>
                <a:t> if information is inaccurate</a:t>
              </a:r>
            </a:p>
          </p:txBody>
        </p:sp>
      </p:grpSp>
      <p:grpSp>
        <p:nvGrpSpPr>
          <p:cNvPr id="21" name="Group 20">
            <a:extLst>
              <a:ext uri="{FF2B5EF4-FFF2-40B4-BE49-F238E27FC236}">
                <a16:creationId xmlns:a16="http://schemas.microsoft.com/office/drawing/2014/main" id="{C6B22346-C9CF-FBDF-A7C1-89E3330F18A6}"/>
              </a:ext>
            </a:extLst>
          </p:cNvPr>
          <p:cNvGrpSpPr/>
          <p:nvPr/>
        </p:nvGrpSpPr>
        <p:grpSpPr>
          <a:xfrm>
            <a:off x="7280164" y="1271701"/>
            <a:ext cx="3167165" cy="5398127"/>
            <a:chOff x="3908461" y="1271233"/>
            <a:chExt cx="3167165" cy="5398127"/>
          </a:xfrm>
        </p:grpSpPr>
        <p:sp>
          <p:nvSpPr>
            <p:cNvPr id="17" name="Free-form: Shape 16">
              <a:extLst>
                <a:ext uri="{FF2B5EF4-FFF2-40B4-BE49-F238E27FC236}">
                  <a16:creationId xmlns:a16="http://schemas.microsoft.com/office/drawing/2014/main" id="{01EC21BA-3DF2-7CBC-D720-804171C8F9EC}"/>
                </a:ext>
              </a:extLst>
            </p:cNvPr>
            <p:cNvSpPr/>
            <p:nvPr/>
          </p:nvSpPr>
          <p:spPr>
            <a:xfrm>
              <a:off x="3908461" y="1271233"/>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Commercial Position</a:t>
              </a:r>
            </a:p>
          </p:txBody>
        </p:sp>
        <p:sp>
          <p:nvSpPr>
            <p:cNvPr id="18" name="Free-form: Shape 17">
              <a:extLst>
                <a:ext uri="{FF2B5EF4-FFF2-40B4-BE49-F238E27FC236}">
                  <a16:creationId xmlns:a16="http://schemas.microsoft.com/office/drawing/2014/main" id="{E3340B46-54F6-293C-D22F-ADDA6D69D680}"/>
                </a:ext>
              </a:extLst>
            </p:cNvPr>
            <p:cNvSpPr/>
            <p:nvPr/>
          </p:nvSpPr>
          <p:spPr>
            <a:xfrm>
              <a:off x="4167437" y="2566111"/>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9" name="Free-form: Shape 18">
              <a:extLst>
                <a:ext uri="{FF2B5EF4-FFF2-40B4-BE49-F238E27FC236}">
                  <a16:creationId xmlns:a16="http://schemas.microsoft.com/office/drawing/2014/main" id="{88BCDAEF-C260-8429-1048-7678ADAD9F86}"/>
                </a:ext>
              </a:extLst>
            </p:cNvPr>
            <p:cNvSpPr/>
            <p:nvPr/>
          </p:nvSpPr>
          <p:spPr>
            <a:xfrm>
              <a:off x="4426412" y="2889829"/>
              <a:ext cx="2649214" cy="3779531"/>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Outgoing service provider provides comprehensive information about employees, beyond ELI, to help with tendering exercise and pre-transfer diligence</a:t>
              </a:r>
            </a:p>
            <a:p>
              <a:pPr marL="0" lvl="0" indent="0" algn="ctr" defTabSz="800100">
                <a:lnSpc>
                  <a:spcPct val="90000"/>
                </a:lnSpc>
                <a:spcBef>
                  <a:spcPct val="0"/>
                </a:spcBef>
                <a:spcAft>
                  <a:spcPct val="35000"/>
                </a:spcAft>
                <a:buNone/>
              </a:pPr>
              <a:r>
                <a:rPr lang="en-GB" sz="1800" kern="1200" dirty="0"/>
                <a:t>Employee personnel records transferred </a:t>
              </a:r>
            </a:p>
            <a:p>
              <a:pPr marL="0" lvl="0" indent="0" algn="ctr" defTabSz="800100">
                <a:lnSpc>
                  <a:spcPct val="90000"/>
                </a:lnSpc>
                <a:spcBef>
                  <a:spcPct val="0"/>
                </a:spcBef>
                <a:spcAft>
                  <a:spcPct val="35000"/>
                </a:spcAft>
                <a:buNone/>
              </a:pPr>
              <a:r>
                <a:rPr lang="en-GB" sz="1800" kern="1200" dirty="0"/>
                <a:t>Information disputes addressed via commercial arrangements</a:t>
              </a:r>
            </a:p>
          </p:txBody>
        </p:sp>
      </p:grpSp>
    </p:spTree>
    <p:extLst>
      <p:ext uri="{BB962C8B-B14F-4D97-AF65-F5344CB8AC3E}">
        <p14:creationId xmlns:p14="http://schemas.microsoft.com/office/powerpoint/2010/main" val="8597872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D78B5B0-EDEF-5A5C-2ED8-B535875A652F}"/>
              </a:ext>
            </a:extLst>
          </p:cNvPr>
          <p:cNvSpPr>
            <a:spLocks noGrp="1"/>
          </p:cNvSpPr>
          <p:nvPr>
            <p:ph type="title"/>
          </p:nvPr>
        </p:nvSpPr>
        <p:spPr>
          <a:xfrm>
            <a:off x="541867" y="408500"/>
            <a:ext cx="11074400" cy="914400"/>
          </a:xfrm>
        </p:spPr>
        <p:txBody>
          <a:bodyPr wrap="square" anchor="ctr">
            <a:normAutofit/>
          </a:bodyPr>
          <a:lstStyle/>
          <a:p>
            <a:r>
              <a:rPr lang="en-GB" dirty="0"/>
              <a:t>What if information is not accurate?</a:t>
            </a:r>
          </a:p>
        </p:txBody>
      </p:sp>
      <p:graphicFrame>
        <p:nvGraphicFramePr>
          <p:cNvPr id="5" name="Content Placeholder 2">
            <a:extLst>
              <a:ext uri="{FF2B5EF4-FFF2-40B4-BE49-F238E27FC236}">
                <a16:creationId xmlns:a16="http://schemas.microsoft.com/office/drawing/2014/main" id="{35303A80-F80B-4CA9-09EC-5D95A05A4667}"/>
              </a:ext>
            </a:extLst>
          </p:cNvPr>
          <p:cNvGraphicFramePr>
            <a:graphicFrameLocks noGrp="1"/>
          </p:cNvGraphicFramePr>
          <p:nvPr>
            <p:ph idx="1"/>
            <p:extLst>
              <p:ext uri="{D42A27DB-BD31-4B8C-83A1-F6EECF244321}">
                <p14:modId xmlns:p14="http://schemas.microsoft.com/office/powerpoint/2010/main" val="2039862854"/>
              </p:ext>
            </p:extLst>
          </p:nvPr>
        </p:nvGraphicFramePr>
        <p:xfrm>
          <a:off x="541867" y="1449288"/>
          <a:ext cx="11040533" cy="500021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88090079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F79E37E-1ADE-F378-EF28-755DF6CCB9F8}"/>
              </a:ext>
            </a:extLst>
          </p:cNvPr>
          <p:cNvSpPr>
            <a:spLocks noGrp="1"/>
          </p:cNvSpPr>
          <p:nvPr>
            <p:ph type="title"/>
          </p:nvPr>
        </p:nvSpPr>
        <p:spPr/>
        <p:txBody>
          <a:bodyPr/>
          <a:lstStyle/>
          <a:p>
            <a:r>
              <a:rPr lang="en-GB" dirty="0"/>
              <a:t>Objections to transfer</a:t>
            </a:r>
          </a:p>
        </p:txBody>
      </p:sp>
      <p:grpSp>
        <p:nvGrpSpPr>
          <p:cNvPr id="20" name="Group 19">
            <a:extLst>
              <a:ext uri="{FF2B5EF4-FFF2-40B4-BE49-F238E27FC236}">
                <a16:creationId xmlns:a16="http://schemas.microsoft.com/office/drawing/2014/main" id="{1ABDCD1A-490D-EC30-816D-CD8EF2F130B8}"/>
              </a:ext>
            </a:extLst>
          </p:cNvPr>
          <p:cNvGrpSpPr/>
          <p:nvPr/>
        </p:nvGrpSpPr>
        <p:grpSpPr>
          <a:xfrm>
            <a:off x="2719200" y="1555261"/>
            <a:ext cx="3009600" cy="3785651"/>
            <a:chOff x="407368" y="1536174"/>
            <a:chExt cx="3009600" cy="3785651"/>
          </a:xfrm>
        </p:grpSpPr>
        <p:sp>
          <p:nvSpPr>
            <p:cNvPr id="12" name="Free-form: Shape 11">
              <a:extLst>
                <a:ext uri="{FF2B5EF4-FFF2-40B4-BE49-F238E27FC236}">
                  <a16:creationId xmlns:a16="http://schemas.microsoft.com/office/drawing/2014/main" id="{1943529D-BBE7-DF7A-D7F7-AC9E54DDEFEF}"/>
                </a:ext>
              </a:extLst>
            </p:cNvPr>
            <p:cNvSpPr/>
            <p:nvPr/>
          </p:nvSpPr>
          <p:spPr>
            <a:xfrm>
              <a:off x="407368" y="1536174"/>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TUPE</a:t>
              </a:r>
            </a:p>
          </p:txBody>
        </p:sp>
        <p:sp>
          <p:nvSpPr>
            <p:cNvPr id="13" name="Free-form: Shape 12">
              <a:extLst>
                <a:ext uri="{FF2B5EF4-FFF2-40B4-BE49-F238E27FC236}">
                  <a16:creationId xmlns:a16="http://schemas.microsoft.com/office/drawing/2014/main" id="{F3FFE6DD-8422-79D9-1370-6A9B89E1656B}"/>
                </a:ext>
              </a:extLst>
            </p:cNvPr>
            <p:cNvSpPr/>
            <p:nvPr/>
          </p:nvSpPr>
          <p:spPr>
            <a:xfrm>
              <a:off x="666344" y="2831052"/>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4" name="Free-form: Shape 13">
              <a:extLst>
                <a:ext uri="{FF2B5EF4-FFF2-40B4-BE49-F238E27FC236}">
                  <a16:creationId xmlns:a16="http://schemas.microsoft.com/office/drawing/2014/main" id="{5C55CC80-564A-9A03-6308-5D36C68D7DC5}"/>
                </a:ext>
              </a:extLst>
            </p:cNvPr>
            <p:cNvSpPr/>
            <p:nvPr/>
          </p:nvSpPr>
          <p:spPr>
            <a:xfrm>
              <a:off x="925319" y="3154770"/>
              <a:ext cx="2491649" cy="2167055"/>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If objection or resignation triggers a “deemed dismissal” OR “normal” constructive unfair dismissal, liabilities remain with outgoing service provider</a:t>
              </a:r>
            </a:p>
          </p:txBody>
        </p:sp>
      </p:grpSp>
      <p:grpSp>
        <p:nvGrpSpPr>
          <p:cNvPr id="19" name="Group 18">
            <a:extLst>
              <a:ext uri="{FF2B5EF4-FFF2-40B4-BE49-F238E27FC236}">
                <a16:creationId xmlns:a16="http://schemas.microsoft.com/office/drawing/2014/main" id="{7D9957AB-A2AE-75A6-9895-3443F308842A}"/>
              </a:ext>
            </a:extLst>
          </p:cNvPr>
          <p:cNvGrpSpPr/>
          <p:nvPr/>
        </p:nvGrpSpPr>
        <p:grpSpPr>
          <a:xfrm>
            <a:off x="7104112" y="1555115"/>
            <a:ext cx="3009600" cy="3785797"/>
            <a:chOff x="4453655" y="1916832"/>
            <a:chExt cx="3009600" cy="3785797"/>
          </a:xfrm>
        </p:grpSpPr>
        <p:sp>
          <p:nvSpPr>
            <p:cNvPr id="16" name="Free-form: Shape 15">
              <a:extLst>
                <a:ext uri="{FF2B5EF4-FFF2-40B4-BE49-F238E27FC236}">
                  <a16:creationId xmlns:a16="http://schemas.microsoft.com/office/drawing/2014/main" id="{D4584956-2A43-8388-B259-C76C4D9BF730}"/>
                </a:ext>
              </a:extLst>
            </p:cNvPr>
            <p:cNvSpPr/>
            <p:nvPr/>
          </p:nvSpPr>
          <p:spPr>
            <a:xfrm>
              <a:off x="4453655" y="1916832"/>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Commercial Position</a:t>
              </a:r>
            </a:p>
          </p:txBody>
        </p:sp>
        <p:sp>
          <p:nvSpPr>
            <p:cNvPr id="17" name="Free-form: Shape 16">
              <a:extLst>
                <a:ext uri="{FF2B5EF4-FFF2-40B4-BE49-F238E27FC236}">
                  <a16:creationId xmlns:a16="http://schemas.microsoft.com/office/drawing/2014/main" id="{FE68F451-9EE2-B82A-FFA6-D6706EEA53CD}"/>
                </a:ext>
              </a:extLst>
            </p:cNvPr>
            <p:cNvSpPr/>
            <p:nvPr/>
          </p:nvSpPr>
          <p:spPr>
            <a:xfrm>
              <a:off x="4712631" y="3211710"/>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8" name="Free-form: Shape 17">
              <a:extLst>
                <a:ext uri="{FF2B5EF4-FFF2-40B4-BE49-F238E27FC236}">
                  <a16:creationId xmlns:a16="http://schemas.microsoft.com/office/drawing/2014/main" id="{D0AEC9E8-D9F2-427D-7D70-D2CEF1073BF2}"/>
                </a:ext>
              </a:extLst>
            </p:cNvPr>
            <p:cNvSpPr/>
            <p:nvPr/>
          </p:nvSpPr>
          <p:spPr>
            <a:xfrm>
              <a:off x="4971606" y="3535429"/>
              <a:ext cx="2491649" cy="2167200"/>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dirty="0"/>
                <a:t>New service provider</a:t>
              </a:r>
              <a:r>
                <a:rPr lang="en-GB" sz="1800" kern="1200" dirty="0"/>
                <a:t> indemnifies client and outgoing service provider for liabilities arising from objections related to its proposals</a:t>
              </a:r>
            </a:p>
          </p:txBody>
        </p:sp>
      </p:grpSp>
    </p:spTree>
    <p:extLst>
      <p:ext uri="{BB962C8B-B14F-4D97-AF65-F5344CB8AC3E}">
        <p14:creationId xmlns:p14="http://schemas.microsoft.com/office/powerpoint/2010/main" val="282241923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BA33BE-97FA-47DC-0247-704B14978BE6}"/>
              </a:ext>
            </a:extLst>
          </p:cNvPr>
          <p:cNvSpPr>
            <a:spLocks noGrp="1"/>
          </p:cNvSpPr>
          <p:nvPr>
            <p:ph type="title"/>
          </p:nvPr>
        </p:nvSpPr>
        <p:spPr>
          <a:xfrm>
            <a:off x="335360" y="404664"/>
            <a:ext cx="12044370" cy="914400"/>
          </a:xfrm>
        </p:spPr>
        <p:txBody>
          <a:bodyPr wrap="square" anchor="ctr">
            <a:normAutofit/>
          </a:bodyPr>
          <a:lstStyle/>
          <a:p>
            <a:pPr>
              <a:lnSpc>
                <a:spcPct val="90000"/>
              </a:lnSpc>
            </a:pPr>
            <a:r>
              <a:rPr lang="en-GB" sz="3000" dirty="0"/>
              <a:t>What if an employee objects when detrimental changes proposed?</a:t>
            </a:r>
          </a:p>
        </p:txBody>
      </p:sp>
      <p:graphicFrame>
        <p:nvGraphicFramePr>
          <p:cNvPr id="5" name="Content Placeholder 2">
            <a:extLst>
              <a:ext uri="{FF2B5EF4-FFF2-40B4-BE49-F238E27FC236}">
                <a16:creationId xmlns:a16="http://schemas.microsoft.com/office/drawing/2014/main" id="{472BFD48-B0B4-D5F0-082D-077A14C26157}"/>
              </a:ext>
            </a:extLst>
          </p:cNvPr>
          <p:cNvGraphicFramePr>
            <a:graphicFrameLocks noGrp="1"/>
          </p:cNvGraphicFramePr>
          <p:nvPr>
            <p:ph idx="1"/>
            <p:extLst>
              <p:ext uri="{D42A27DB-BD31-4B8C-83A1-F6EECF244321}">
                <p14:modId xmlns:p14="http://schemas.microsoft.com/office/powerpoint/2010/main" val="1744618647"/>
              </p:ext>
            </p:extLst>
          </p:nvPr>
        </p:nvGraphicFramePr>
        <p:xfrm>
          <a:off x="335361" y="1196752"/>
          <a:ext cx="11521279" cy="54006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16839388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0991ED-B924-A10D-2FAB-CF79CE34BD2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4258D95-F231-F05A-60A7-7B7475741D4D}"/>
              </a:ext>
            </a:extLst>
          </p:cNvPr>
          <p:cNvSpPr>
            <a:spLocks noGrp="1"/>
          </p:cNvSpPr>
          <p:nvPr>
            <p:ph type="title"/>
          </p:nvPr>
        </p:nvSpPr>
        <p:spPr/>
        <p:txBody>
          <a:bodyPr/>
          <a:lstStyle/>
          <a:p>
            <a:r>
              <a:rPr lang="en-GB" dirty="0"/>
              <a:t>Quick refresh: TUPE &amp; traditional transfers (type A)</a:t>
            </a:r>
          </a:p>
        </p:txBody>
      </p:sp>
      <p:graphicFrame>
        <p:nvGraphicFramePr>
          <p:cNvPr id="4" name="Content Placeholder 3">
            <a:extLst>
              <a:ext uri="{FF2B5EF4-FFF2-40B4-BE49-F238E27FC236}">
                <a16:creationId xmlns:a16="http://schemas.microsoft.com/office/drawing/2014/main" id="{369E3305-B445-410F-F1EE-B9E9ADF61DDA}"/>
              </a:ext>
            </a:extLst>
          </p:cNvPr>
          <p:cNvGraphicFramePr>
            <a:graphicFrameLocks noGrp="1"/>
          </p:cNvGraphicFramePr>
          <p:nvPr>
            <p:ph idx="1"/>
            <p:extLst>
              <p:ext uri="{D42A27DB-BD31-4B8C-83A1-F6EECF244321}">
                <p14:modId xmlns:p14="http://schemas.microsoft.com/office/powerpoint/2010/main" val="579727199"/>
              </p:ext>
            </p:extLst>
          </p:nvPr>
        </p:nvGraphicFramePr>
        <p:xfrm>
          <a:off x="407368" y="1340767"/>
          <a:ext cx="11377264" cy="532396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58752918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50A77C4-3E98-41FE-C2A3-A2905D82E9CE}"/>
              </a:ext>
            </a:extLst>
          </p:cNvPr>
          <p:cNvSpPr>
            <a:spLocks noGrp="1"/>
          </p:cNvSpPr>
          <p:nvPr>
            <p:ph type="title"/>
          </p:nvPr>
        </p:nvSpPr>
        <p:spPr/>
        <p:txBody>
          <a:bodyPr/>
          <a:lstStyle/>
          <a:p>
            <a:r>
              <a:rPr lang="en-GB" dirty="0"/>
              <a:t>Standstill provisions before exit</a:t>
            </a:r>
          </a:p>
        </p:txBody>
      </p:sp>
      <p:grpSp>
        <p:nvGrpSpPr>
          <p:cNvPr id="19" name="Group 18">
            <a:extLst>
              <a:ext uri="{FF2B5EF4-FFF2-40B4-BE49-F238E27FC236}">
                <a16:creationId xmlns:a16="http://schemas.microsoft.com/office/drawing/2014/main" id="{CB1ED541-FC99-6D37-3EBE-55F28366A7FB}"/>
              </a:ext>
            </a:extLst>
          </p:cNvPr>
          <p:cNvGrpSpPr/>
          <p:nvPr/>
        </p:nvGrpSpPr>
        <p:grpSpPr>
          <a:xfrm>
            <a:off x="2743029" y="1432001"/>
            <a:ext cx="3009600" cy="4538195"/>
            <a:chOff x="407368" y="1331032"/>
            <a:chExt cx="3009600" cy="4538195"/>
          </a:xfrm>
        </p:grpSpPr>
        <p:sp>
          <p:nvSpPr>
            <p:cNvPr id="12" name="Free-form: Shape 11">
              <a:extLst>
                <a:ext uri="{FF2B5EF4-FFF2-40B4-BE49-F238E27FC236}">
                  <a16:creationId xmlns:a16="http://schemas.microsoft.com/office/drawing/2014/main" id="{4B327824-D7A9-61D9-6C68-18B8307F463D}"/>
                </a:ext>
              </a:extLst>
            </p:cNvPr>
            <p:cNvSpPr/>
            <p:nvPr/>
          </p:nvSpPr>
          <p:spPr>
            <a:xfrm>
              <a:off x="407368" y="1331032"/>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TUPE</a:t>
              </a:r>
            </a:p>
          </p:txBody>
        </p:sp>
        <p:sp>
          <p:nvSpPr>
            <p:cNvPr id="13" name="Free-form: Shape 12">
              <a:extLst>
                <a:ext uri="{FF2B5EF4-FFF2-40B4-BE49-F238E27FC236}">
                  <a16:creationId xmlns:a16="http://schemas.microsoft.com/office/drawing/2014/main" id="{1DFE2DBA-0A4F-9A5A-A96E-FD5A1624AAA2}"/>
                </a:ext>
              </a:extLst>
            </p:cNvPr>
            <p:cNvSpPr/>
            <p:nvPr/>
          </p:nvSpPr>
          <p:spPr>
            <a:xfrm>
              <a:off x="666344" y="2625910"/>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4" name="Free-form: Shape 13">
              <a:extLst>
                <a:ext uri="{FF2B5EF4-FFF2-40B4-BE49-F238E27FC236}">
                  <a16:creationId xmlns:a16="http://schemas.microsoft.com/office/drawing/2014/main" id="{5C04B05E-FDEA-EBB0-DA3D-EA8A1CF5275A}"/>
                </a:ext>
              </a:extLst>
            </p:cNvPr>
            <p:cNvSpPr/>
            <p:nvPr/>
          </p:nvSpPr>
          <p:spPr>
            <a:xfrm>
              <a:off x="925319" y="2949627"/>
              <a:ext cx="2491649" cy="2919600"/>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Transfer is a “snapshot date” </a:t>
              </a:r>
            </a:p>
            <a:p>
              <a:pPr marL="0" lvl="0" indent="0" algn="ctr" defTabSz="800100">
                <a:lnSpc>
                  <a:spcPct val="90000"/>
                </a:lnSpc>
                <a:spcBef>
                  <a:spcPct val="0"/>
                </a:spcBef>
                <a:spcAft>
                  <a:spcPct val="35000"/>
                </a:spcAft>
                <a:buNone/>
              </a:pPr>
              <a:r>
                <a:rPr lang="en-GB" sz="1800" dirty="0"/>
                <a:t>New service provider </a:t>
              </a:r>
              <a:r>
                <a:rPr lang="en-GB" sz="1800" kern="1200" dirty="0"/>
                <a:t>inherits employees assigned to the services on that date on the terms and conditions which apply to them on that date</a:t>
              </a:r>
            </a:p>
          </p:txBody>
        </p:sp>
      </p:grpSp>
      <p:grpSp>
        <p:nvGrpSpPr>
          <p:cNvPr id="20" name="Group 19">
            <a:extLst>
              <a:ext uri="{FF2B5EF4-FFF2-40B4-BE49-F238E27FC236}">
                <a16:creationId xmlns:a16="http://schemas.microsoft.com/office/drawing/2014/main" id="{465ABCA6-44F2-B271-156B-A0C6AEEB659C}"/>
              </a:ext>
            </a:extLst>
          </p:cNvPr>
          <p:cNvGrpSpPr/>
          <p:nvPr/>
        </p:nvGrpSpPr>
        <p:grpSpPr>
          <a:xfrm>
            <a:off x="7104112" y="1412776"/>
            <a:ext cx="3009600" cy="4536504"/>
            <a:chOff x="3935060" y="1412776"/>
            <a:chExt cx="3009600" cy="4536504"/>
          </a:xfrm>
        </p:grpSpPr>
        <p:sp>
          <p:nvSpPr>
            <p:cNvPr id="16" name="Free-form: Shape 15">
              <a:extLst>
                <a:ext uri="{FF2B5EF4-FFF2-40B4-BE49-F238E27FC236}">
                  <a16:creationId xmlns:a16="http://schemas.microsoft.com/office/drawing/2014/main" id="{A189C635-6D2F-E777-E5D4-C36939A7D78B}"/>
                </a:ext>
              </a:extLst>
            </p:cNvPr>
            <p:cNvSpPr/>
            <p:nvPr/>
          </p:nvSpPr>
          <p:spPr>
            <a:xfrm>
              <a:off x="3935060" y="1412776"/>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Commercial Position</a:t>
              </a:r>
            </a:p>
          </p:txBody>
        </p:sp>
        <p:sp>
          <p:nvSpPr>
            <p:cNvPr id="17" name="Free-form: Shape 16">
              <a:extLst>
                <a:ext uri="{FF2B5EF4-FFF2-40B4-BE49-F238E27FC236}">
                  <a16:creationId xmlns:a16="http://schemas.microsoft.com/office/drawing/2014/main" id="{0CBDE23B-B198-71A6-4125-087FB9C19AEB}"/>
                </a:ext>
              </a:extLst>
            </p:cNvPr>
            <p:cNvSpPr/>
            <p:nvPr/>
          </p:nvSpPr>
          <p:spPr>
            <a:xfrm>
              <a:off x="4194036" y="2707654"/>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8" name="Free-form: Shape 17">
              <a:extLst>
                <a:ext uri="{FF2B5EF4-FFF2-40B4-BE49-F238E27FC236}">
                  <a16:creationId xmlns:a16="http://schemas.microsoft.com/office/drawing/2014/main" id="{A304F66B-C43C-13D5-A488-5C95ED8DB973}"/>
                </a:ext>
              </a:extLst>
            </p:cNvPr>
            <p:cNvSpPr/>
            <p:nvPr/>
          </p:nvSpPr>
          <p:spPr>
            <a:xfrm>
              <a:off x="4453011" y="3031372"/>
              <a:ext cx="2491649" cy="2917908"/>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Standstill provisions”</a:t>
              </a:r>
            </a:p>
            <a:p>
              <a:pPr marL="0" lvl="0" indent="0" algn="ctr" defTabSz="800100">
                <a:lnSpc>
                  <a:spcPct val="90000"/>
                </a:lnSpc>
                <a:spcBef>
                  <a:spcPct val="0"/>
                </a:spcBef>
                <a:spcAft>
                  <a:spcPct val="35000"/>
                </a:spcAft>
                <a:buNone/>
              </a:pPr>
              <a:endParaRPr lang="en-GB" sz="1800" kern="1200" dirty="0"/>
            </a:p>
            <a:p>
              <a:pPr marL="0" lvl="0" indent="0" algn="ctr" defTabSz="800100">
                <a:lnSpc>
                  <a:spcPct val="90000"/>
                </a:lnSpc>
                <a:spcBef>
                  <a:spcPct val="0"/>
                </a:spcBef>
                <a:spcAft>
                  <a:spcPct val="35000"/>
                </a:spcAft>
                <a:buNone/>
              </a:pPr>
              <a:r>
                <a:rPr lang="en-GB" sz="1800" dirty="0"/>
                <a:t>Outgoing service provider </a:t>
              </a:r>
              <a:r>
                <a:rPr lang="en-GB" sz="1800" kern="1200" dirty="0"/>
                <a:t>is restricted from amending terms/ dismissing/ reassigning staff in a reasonable period before the transfer</a:t>
              </a:r>
            </a:p>
          </p:txBody>
        </p:sp>
      </p:grpSp>
    </p:spTree>
    <p:extLst>
      <p:ext uri="{BB962C8B-B14F-4D97-AF65-F5344CB8AC3E}">
        <p14:creationId xmlns:p14="http://schemas.microsoft.com/office/powerpoint/2010/main" val="99425151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73C2BAB0-FB8B-9035-563B-B46B46E0A87C}"/>
              </a:ext>
            </a:extLst>
          </p:cNvPr>
          <p:cNvSpPr>
            <a:spLocks noGrp="1"/>
          </p:cNvSpPr>
          <p:nvPr>
            <p:ph type="title"/>
          </p:nvPr>
        </p:nvSpPr>
        <p:spPr>
          <a:xfrm>
            <a:off x="407368" y="356833"/>
            <a:ext cx="11377264" cy="914400"/>
          </a:xfrm>
        </p:spPr>
        <p:txBody>
          <a:bodyPr wrap="square" anchor="ctr">
            <a:normAutofit/>
          </a:bodyPr>
          <a:lstStyle/>
          <a:p>
            <a:pPr>
              <a:lnSpc>
                <a:spcPct val="90000"/>
              </a:lnSpc>
            </a:pPr>
            <a:r>
              <a:rPr lang="en-GB" sz="3000" dirty="0"/>
              <a:t>What if changes are made to numbers/ employment terms of assigned employees?</a:t>
            </a:r>
          </a:p>
        </p:txBody>
      </p:sp>
      <p:graphicFrame>
        <p:nvGraphicFramePr>
          <p:cNvPr id="6" name="Content Placeholder 1">
            <a:extLst>
              <a:ext uri="{FF2B5EF4-FFF2-40B4-BE49-F238E27FC236}">
                <a16:creationId xmlns:a16="http://schemas.microsoft.com/office/drawing/2014/main" id="{FBC06212-BDDA-24CA-9953-003DCDC6CD82}"/>
              </a:ext>
            </a:extLst>
          </p:cNvPr>
          <p:cNvGraphicFramePr>
            <a:graphicFrameLocks noGrp="1"/>
          </p:cNvGraphicFramePr>
          <p:nvPr>
            <p:ph idx="1"/>
            <p:extLst>
              <p:ext uri="{D42A27DB-BD31-4B8C-83A1-F6EECF244321}">
                <p14:modId xmlns:p14="http://schemas.microsoft.com/office/powerpoint/2010/main" val="36066104"/>
              </p:ext>
            </p:extLst>
          </p:nvPr>
        </p:nvGraphicFramePr>
        <p:xfrm>
          <a:off x="-816768" y="1412776"/>
          <a:ext cx="13105456" cy="612068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00267129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0FE943D-B7C4-0894-F36B-4A85589D278E}"/>
              </a:ext>
            </a:extLst>
          </p:cNvPr>
          <p:cNvSpPr>
            <a:spLocks noGrp="1"/>
          </p:cNvSpPr>
          <p:nvPr>
            <p:ph type="title"/>
          </p:nvPr>
        </p:nvSpPr>
        <p:spPr/>
        <p:txBody>
          <a:bodyPr/>
          <a:lstStyle/>
          <a:p>
            <a:r>
              <a:rPr lang="en-US" dirty="0"/>
              <a:t>Which hat are you wearing?</a:t>
            </a:r>
            <a:endParaRPr lang="en-GB" dirty="0"/>
          </a:p>
        </p:txBody>
      </p:sp>
      <p:graphicFrame>
        <p:nvGraphicFramePr>
          <p:cNvPr id="5" name="Diagram 4">
            <a:extLst>
              <a:ext uri="{FF2B5EF4-FFF2-40B4-BE49-F238E27FC236}">
                <a16:creationId xmlns:a16="http://schemas.microsoft.com/office/drawing/2014/main" id="{8F4256A9-C5FB-23D6-A8EF-60654EF251E6}"/>
              </a:ext>
            </a:extLst>
          </p:cNvPr>
          <p:cNvGraphicFramePr/>
          <p:nvPr>
            <p:extLst>
              <p:ext uri="{D42A27DB-BD31-4B8C-83A1-F6EECF244321}">
                <p14:modId xmlns:p14="http://schemas.microsoft.com/office/powerpoint/2010/main" val="3615760262"/>
              </p:ext>
            </p:extLst>
          </p:nvPr>
        </p:nvGraphicFramePr>
        <p:xfrm>
          <a:off x="401953" y="764704"/>
          <a:ext cx="11521280" cy="676875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795851327"/>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CF8B5A6-342D-740D-00EB-1909AD85278E}"/>
            </a:ext>
          </a:extLst>
        </p:cNvPr>
        <p:cNvGrpSpPr/>
        <p:nvPr/>
      </p:nvGrpSpPr>
      <p:grpSpPr>
        <a:xfrm>
          <a:off x="0" y="0"/>
          <a:ext cx="0" cy="0"/>
          <a:chOff x="0" y="0"/>
          <a:chExt cx="0" cy="0"/>
        </a:xfrm>
      </p:grpSpPr>
      <p:pic>
        <p:nvPicPr>
          <p:cNvPr id="3" name="Picture 2" descr="A person in a blue shirt&#10;&#10;AI-generated content may be incorrect.">
            <a:extLst>
              <a:ext uri="{FF2B5EF4-FFF2-40B4-BE49-F238E27FC236}">
                <a16:creationId xmlns:a16="http://schemas.microsoft.com/office/drawing/2014/main" id="{41E62F6B-F31A-8E8B-D0A5-5376E0851D39}"/>
              </a:ext>
            </a:extLst>
          </p:cNvPr>
          <p:cNvPicPr>
            <a:picLocks noChangeAspect="1"/>
          </p:cNvPicPr>
          <p:nvPr/>
        </p:nvPicPr>
        <p:blipFill>
          <a:blip r:embed="rId3" cstate="print">
            <a:extLst>
              <a:ext uri="{28A0092B-C50C-407E-A947-70E740481C1C}">
                <a14:useLocalDpi xmlns:a14="http://schemas.microsoft.com/office/drawing/2010/main" val="0"/>
              </a:ext>
            </a:extLst>
          </a:blip>
          <a:srcRect l="21793" t="13548" r="24740" b="11938"/>
          <a:stretch>
            <a:fillRect/>
          </a:stretch>
        </p:blipFill>
        <p:spPr>
          <a:xfrm>
            <a:off x="3215680" y="1772816"/>
            <a:ext cx="2304255" cy="2140678"/>
          </a:xfrm>
          <a:prstGeom prst="ellipse">
            <a:avLst/>
          </a:prstGeom>
          <a:ln>
            <a:solidFill>
              <a:schemeClr val="accent1"/>
            </a:solidFill>
          </a:ln>
        </p:spPr>
      </p:pic>
      <p:pic>
        <p:nvPicPr>
          <p:cNvPr id="7" name="Picture 6" descr="A person smiling at the camera&#10;&#10;AI-generated content may be incorrect.">
            <a:extLst>
              <a:ext uri="{FF2B5EF4-FFF2-40B4-BE49-F238E27FC236}">
                <a16:creationId xmlns:a16="http://schemas.microsoft.com/office/drawing/2014/main" id="{34F310E7-CD25-59A8-1247-68B4E961E7C0}"/>
              </a:ext>
            </a:extLst>
          </p:cNvPr>
          <p:cNvPicPr>
            <a:picLocks noChangeAspect="1"/>
          </p:cNvPicPr>
          <p:nvPr/>
        </p:nvPicPr>
        <p:blipFill>
          <a:blip r:embed="rId4" cstate="print">
            <a:extLst>
              <a:ext uri="{28A0092B-C50C-407E-A947-70E740481C1C}">
                <a14:useLocalDpi xmlns:a14="http://schemas.microsoft.com/office/drawing/2010/main" val="0"/>
              </a:ext>
            </a:extLst>
          </a:blip>
          <a:srcRect l="23369" t="16149" r="27329" b="13902"/>
          <a:stretch>
            <a:fillRect/>
          </a:stretch>
        </p:blipFill>
        <p:spPr>
          <a:xfrm>
            <a:off x="7104112" y="1772816"/>
            <a:ext cx="2304255" cy="2140678"/>
          </a:xfrm>
          <a:prstGeom prst="ellipse">
            <a:avLst/>
          </a:prstGeom>
          <a:ln>
            <a:solidFill>
              <a:schemeClr val="accent1"/>
            </a:solidFill>
          </a:ln>
        </p:spPr>
      </p:pic>
      <p:grpSp>
        <p:nvGrpSpPr>
          <p:cNvPr id="8" name="Group 7">
            <a:extLst>
              <a:ext uri="{FF2B5EF4-FFF2-40B4-BE49-F238E27FC236}">
                <a16:creationId xmlns:a16="http://schemas.microsoft.com/office/drawing/2014/main" id="{0BCB4673-5E11-0678-EA87-102589D78828}"/>
              </a:ext>
            </a:extLst>
          </p:cNvPr>
          <p:cNvGrpSpPr/>
          <p:nvPr/>
        </p:nvGrpSpPr>
        <p:grpSpPr>
          <a:xfrm>
            <a:off x="2464214" y="2935412"/>
            <a:ext cx="5566759" cy="2350095"/>
            <a:chOff x="3052757" y="3929964"/>
            <a:chExt cx="5566759" cy="2350095"/>
          </a:xfrm>
        </p:grpSpPr>
        <p:sp>
          <p:nvSpPr>
            <p:cNvPr id="9" name="Rectangle 8">
              <a:extLst>
                <a:ext uri="{FF2B5EF4-FFF2-40B4-BE49-F238E27FC236}">
                  <a16:creationId xmlns:a16="http://schemas.microsoft.com/office/drawing/2014/main" id="{A752EEF4-6D66-1BE5-807D-9984399BE46A}"/>
                </a:ext>
              </a:extLst>
            </p:cNvPr>
            <p:cNvSpPr/>
            <p:nvPr/>
          </p:nvSpPr>
          <p:spPr>
            <a:xfrm>
              <a:off x="5613666" y="3929964"/>
              <a:ext cx="3005850" cy="1275209"/>
            </a:xfrm>
            <a:prstGeom prst="rect">
              <a:avLst/>
            </a:pr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a:lstStyle/>
            <a:p>
              <a:endParaRPr lang="en-US"/>
            </a:p>
          </p:txBody>
        </p:sp>
        <p:sp>
          <p:nvSpPr>
            <p:cNvPr id="10" name="TextBox 9">
              <a:extLst>
                <a:ext uri="{FF2B5EF4-FFF2-40B4-BE49-F238E27FC236}">
                  <a16:creationId xmlns:a16="http://schemas.microsoft.com/office/drawing/2014/main" id="{AD833554-ABE3-F015-9E35-7B7543C92D5C}"/>
                </a:ext>
              </a:extLst>
            </p:cNvPr>
            <p:cNvSpPr txBox="1"/>
            <p:nvPr/>
          </p:nvSpPr>
          <p:spPr>
            <a:xfrm>
              <a:off x="3052757" y="5004850"/>
              <a:ext cx="3807185" cy="1275209"/>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0" tIns="0" rIns="0" bIns="0" numCol="1" spcCol="1270" anchor="ctr" anchorCtr="0">
              <a:noAutofit/>
            </a:bodyPr>
            <a:lstStyle/>
            <a:p>
              <a:pPr marL="0" lvl="0" indent="0" algn="ctr" defTabSz="711200">
                <a:lnSpc>
                  <a:spcPct val="90000"/>
                </a:lnSpc>
                <a:spcBef>
                  <a:spcPct val="0"/>
                </a:spcBef>
                <a:spcAft>
                  <a:spcPct val="35000"/>
                </a:spcAft>
                <a:buNone/>
              </a:pPr>
              <a:r>
                <a:rPr lang="en-GB" sz="1800" b="1" kern="1200" dirty="0">
                  <a:solidFill>
                    <a:schemeClr val="tx2"/>
                  </a:solidFill>
                </a:rPr>
                <a:t>Gilian Harrington</a:t>
              </a:r>
            </a:p>
            <a:p>
              <a:pPr marL="0" lvl="0" indent="0" algn="ctr" defTabSz="711200">
                <a:lnSpc>
                  <a:spcPct val="90000"/>
                </a:lnSpc>
                <a:spcBef>
                  <a:spcPct val="0"/>
                </a:spcBef>
                <a:spcAft>
                  <a:spcPct val="35000"/>
                </a:spcAft>
                <a:buNone/>
              </a:pPr>
              <a:r>
                <a:rPr lang="en-GB" sz="1600" dirty="0"/>
                <a:t>Partner</a:t>
              </a:r>
            </a:p>
            <a:p>
              <a:pPr marL="0" lvl="0" indent="0" algn="ctr" defTabSz="711200">
                <a:lnSpc>
                  <a:spcPct val="90000"/>
                </a:lnSpc>
                <a:spcBef>
                  <a:spcPct val="0"/>
                </a:spcBef>
                <a:spcAft>
                  <a:spcPct val="35000"/>
                </a:spcAft>
                <a:buNone/>
              </a:pPr>
              <a:r>
                <a:rPr lang="en-GB" sz="1600" kern="1200" dirty="0"/>
                <a:t>Employment</a:t>
              </a:r>
            </a:p>
            <a:p>
              <a:pPr marL="0" lvl="0" indent="0" algn="ctr" defTabSz="711200">
                <a:lnSpc>
                  <a:spcPct val="90000"/>
                </a:lnSpc>
                <a:spcBef>
                  <a:spcPct val="0"/>
                </a:spcBef>
                <a:spcAft>
                  <a:spcPct val="35000"/>
                </a:spcAft>
                <a:buNone/>
              </a:pPr>
              <a:r>
                <a:rPr lang="en-GB" sz="1400" dirty="0"/>
                <a:t>Gillian.Harrington@pinsentmasons.com</a:t>
              </a:r>
              <a:endParaRPr lang="en-US" sz="1400" kern="1200" dirty="0"/>
            </a:p>
          </p:txBody>
        </p:sp>
      </p:grpSp>
      <p:sp>
        <p:nvSpPr>
          <p:cNvPr id="11" name="TextBox 10">
            <a:extLst>
              <a:ext uri="{FF2B5EF4-FFF2-40B4-BE49-F238E27FC236}">
                <a16:creationId xmlns:a16="http://schemas.microsoft.com/office/drawing/2014/main" id="{6B98633A-C062-190C-C8CC-C40E049EA9B7}"/>
              </a:ext>
            </a:extLst>
          </p:cNvPr>
          <p:cNvSpPr txBox="1"/>
          <p:nvPr/>
        </p:nvSpPr>
        <p:spPr>
          <a:xfrm>
            <a:off x="6816794" y="4025999"/>
            <a:ext cx="3005850" cy="1275209"/>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0" tIns="0" rIns="0" bIns="0" numCol="1" spcCol="1270" anchor="ctr" anchorCtr="0">
            <a:noAutofit/>
          </a:bodyPr>
          <a:lstStyle/>
          <a:p>
            <a:pPr marL="0" lvl="0" indent="0" algn="ctr" defTabSz="711200">
              <a:lnSpc>
                <a:spcPct val="90000"/>
              </a:lnSpc>
              <a:spcBef>
                <a:spcPct val="0"/>
              </a:spcBef>
              <a:spcAft>
                <a:spcPct val="35000"/>
              </a:spcAft>
              <a:buNone/>
            </a:pPr>
            <a:r>
              <a:rPr lang="en-GB" sz="1800" b="1" kern="1200" dirty="0">
                <a:solidFill>
                  <a:schemeClr val="tx2"/>
                </a:solidFill>
              </a:rPr>
              <a:t>Sarah Munro</a:t>
            </a:r>
          </a:p>
          <a:p>
            <a:pPr marL="0" lvl="0" indent="0" algn="ctr" defTabSz="711200">
              <a:lnSpc>
                <a:spcPct val="90000"/>
              </a:lnSpc>
              <a:spcBef>
                <a:spcPct val="0"/>
              </a:spcBef>
              <a:spcAft>
                <a:spcPct val="35000"/>
              </a:spcAft>
              <a:buNone/>
            </a:pPr>
            <a:r>
              <a:rPr lang="en-GB" sz="1600" dirty="0"/>
              <a:t>Partner</a:t>
            </a:r>
          </a:p>
          <a:p>
            <a:pPr marL="0" lvl="0" indent="0" algn="ctr" defTabSz="711200">
              <a:lnSpc>
                <a:spcPct val="90000"/>
              </a:lnSpc>
              <a:spcBef>
                <a:spcPct val="0"/>
              </a:spcBef>
              <a:spcAft>
                <a:spcPct val="35000"/>
              </a:spcAft>
              <a:buNone/>
            </a:pPr>
            <a:r>
              <a:rPr lang="en-GB" sz="1600" kern="1200" dirty="0"/>
              <a:t>Employment</a:t>
            </a:r>
          </a:p>
          <a:p>
            <a:pPr lvl="0" algn="ctr" defTabSz="711200">
              <a:lnSpc>
                <a:spcPct val="90000"/>
              </a:lnSpc>
              <a:spcAft>
                <a:spcPct val="35000"/>
              </a:spcAft>
            </a:pPr>
            <a:r>
              <a:rPr lang="en-GB" sz="1400" dirty="0"/>
              <a:t>Sarah.Munro@pinsentmasons.com</a:t>
            </a:r>
            <a:endParaRPr lang="en-US" sz="1400" kern="1200" dirty="0"/>
          </a:p>
        </p:txBody>
      </p:sp>
    </p:spTree>
    <p:extLst>
      <p:ext uri="{BB962C8B-B14F-4D97-AF65-F5344CB8AC3E}">
        <p14:creationId xmlns:p14="http://schemas.microsoft.com/office/powerpoint/2010/main" val="88732003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45EE64-4E87-069D-20B7-91A5593B6E2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8A117A0-30C8-3FEB-03B0-194FA249C1D3}"/>
              </a:ext>
            </a:extLst>
          </p:cNvPr>
          <p:cNvSpPr>
            <a:spLocks noGrp="1"/>
          </p:cNvSpPr>
          <p:nvPr>
            <p:ph type="title"/>
          </p:nvPr>
        </p:nvSpPr>
        <p:spPr/>
        <p:txBody>
          <a:bodyPr/>
          <a:lstStyle/>
          <a:p>
            <a:r>
              <a:rPr lang="en-GB" altLang="en-US" dirty="0">
                <a:solidFill>
                  <a:schemeClr val="tx2"/>
                </a:solidFill>
              </a:rPr>
              <a:t>Quick refresh</a:t>
            </a:r>
            <a:r>
              <a:rPr lang="en-GB" altLang="en-US" sz="3600" dirty="0">
                <a:solidFill>
                  <a:schemeClr val="tx2"/>
                </a:solidFill>
              </a:rPr>
              <a:t>: </a:t>
            </a:r>
            <a:r>
              <a:rPr lang="en-GB" altLang="en-US" dirty="0">
                <a:solidFill>
                  <a:schemeClr val="tx2"/>
                </a:solidFill>
              </a:rPr>
              <a:t>TUPE &amp; Service Provision Change (type B)</a:t>
            </a:r>
            <a:endParaRPr lang="en-GB" dirty="0"/>
          </a:p>
        </p:txBody>
      </p:sp>
      <p:grpSp>
        <p:nvGrpSpPr>
          <p:cNvPr id="5" name="Group 4">
            <a:extLst>
              <a:ext uri="{FF2B5EF4-FFF2-40B4-BE49-F238E27FC236}">
                <a16:creationId xmlns:a16="http://schemas.microsoft.com/office/drawing/2014/main" id="{EBE30BAF-274A-1AF8-4D6C-D9052BDC2610}"/>
              </a:ext>
            </a:extLst>
          </p:cNvPr>
          <p:cNvGrpSpPr/>
          <p:nvPr/>
        </p:nvGrpSpPr>
        <p:grpSpPr>
          <a:xfrm>
            <a:off x="407367" y="1771579"/>
            <a:ext cx="11371708" cy="4100748"/>
            <a:chOff x="412923" y="1486019"/>
            <a:chExt cx="11371708" cy="4100748"/>
          </a:xfrm>
        </p:grpSpPr>
        <p:sp>
          <p:nvSpPr>
            <p:cNvPr id="6" name="Free-form: Shape 5">
              <a:extLst>
                <a:ext uri="{FF2B5EF4-FFF2-40B4-BE49-F238E27FC236}">
                  <a16:creationId xmlns:a16="http://schemas.microsoft.com/office/drawing/2014/main" id="{2403BC4E-72F6-D647-566F-B78036D25A48}"/>
                </a:ext>
              </a:extLst>
            </p:cNvPr>
            <p:cNvSpPr/>
            <p:nvPr/>
          </p:nvSpPr>
          <p:spPr>
            <a:xfrm>
              <a:off x="412923" y="2187957"/>
              <a:ext cx="2841538" cy="694237"/>
            </a:xfrm>
            <a:custGeom>
              <a:avLst/>
              <a:gdLst>
                <a:gd name="connsiteX0" fmla="*/ 0 w 2841538"/>
                <a:gd name="connsiteY0" fmla="*/ 0 h 694237"/>
                <a:gd name="connsiteX1" fmla="*/ 2841538 w 2841538"/>
                <a:gd name="connsiteY1" fmla="*/ 0 h 694237"/>
                <a:gd name="connsiteX2" fmla="*/ 2841538 w 2841538"/>
                <a:gd name="connsiteY2" fmla="*/ 694237 h 694237"/>
                <a:gd name="connsiteX3" fmla="*/ 0 w 2841538"/>
                <a:gd name="connsiteY3" fmla="*/ 694237 h 694237"/>
                <a:gd name="connsiteX4" fmla="*/ 0 w 2841538"/>
                <a:gd name="connsiteY4" fmla="*/ 0 h 6942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41538" h="694237">
                  <a:moveTo>
                    <a:pt x="0" y="0"/>
                  </a:moveTo>
                  <a:lnTo>
                    <a:pt x="2841538" y="0"/>
                  </a:lnTo>
                  <a:lnTo>
                    <a:pt x="2841538" y="694237"/>
                  </a:lnTo>
                  <a:lnTo>
                    <a:pt x="0" y="694237"/>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56464" tIns="55880" rIns="156464" bIns="55880" numCol="1" spcCol="1270" anchor="ctr" anchorCtr="0">
              <a:noAutofit/>
            </a:bodyPr>
            <a:lstStyle/>
            <a:p>
              <a:pPr marL="0" lvl="0" indent="0" algn="r" defTabSz="977900">
                <a:lnSpc>
                  <a:spcPct val="90000"/>
                </a:lnSpc>
                <a:spcBef>
                  <a:spcPct val="0"/>
                </a:spcBef>
                <a:spcAft>
                  <a:spcPct val="35000"/>
                </a:spcAft>
                <a:buNone/>
              </a:pPr>
              <a:r>
                <a:rPr lang="en-GB" sz="2200" kern="1200" dirty="0"/>
                <a:t>Applies when a customer:</a:t>
              </a:r>
            </a:p>
          </p:txBody>
        </p:sp>
        <p:sp>
          <p:nvSpPr>
            <p:cNvPr id="7" name="Left Brace 6">
              <a:extLst>
                <a:ext uri="{FF2B5EF4-FFF2-40B4-BE49-F238E27FC236}">
                  <a16:creationId xmlns:a16="http://schemas.microsoft.com/office/drawing/2014/main" id="{9D2FA426-316B-E159-85A8-9C9396C3CB95}"/>
                </a:ext>
              </a:extLst>
            </p:cNvPr>
            <p:cNvSpPr/>
            <p:nvPr/>
          </p:nvSpPr>
          <p:spPr>
            <a:xfrm>
              <a:off x="3254461" y="1486019"/>
              <a:ext cx="568307" cy="2233485"/>
            </a:xfrm>
            <a:prstGeom prst="leftBrace">
              <a:avLst>
                <a:gd name="adj1" fmla="val 35000"/>
                <a:gd name="adj2" fmla="val 50000"/>
              </a:avLst>
            </a:prstGeom>
          </p:spPr>
          <p:style>
            <a:lnRef idx="2">
              <a:schemeClr val="accent1">
                <a:shade val="60000"/>
                <a:hueOff val="0"/>
                <a:satOff val="0"/>
                <a:lumOff val="0"/>
                <a:alphaOff val="0"/>
              </a:schemeClr>
            </a:lnRef>
            <a:fillRef idx="0">
              <a:schemeClr val="accent1">
                <a:hueOff val="0"/>
                <a:satOff val="0"/>
                <a:lumOff val="0"/>
                <a:alphaOff val="0"/>
              </a:schemeClr>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8" name="Rectangle: Rounded Corners 7">
              <a:extLst>
                <a:ext uri="{FF2B5EF4-FFF2-40B4-BE49-F238E27FC236}">
                  <a16:creationId xmlns:a16="http://schemas.microsoft.com/office/drawing/2014/main" id="{CD03D3EE-02DF-FFDB-5689-63C1F47E3D92}"/>
                </a:ext>
              </a:extLst>
            </p:cNvPr>
            <p:cNvSpPr/>
            <p:nvPr/>
          </p:nvSpPr>
          <p:spPr>
            <a:xfrm>
              <a:off x="4055647" y="1486020"/>
              <a:ext cx="7728984" cy="2304254"/>
            </a:xfrm>
            <a:prstGeom prst="roundRect">
              <a:avLst/>
            </a:prstGeom>
            <a:solidFill>
              <a:srgbClr val="C9FFFA"/>
            </a:solidFill>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83820" tIns="83820" rIns="83820" bIns="83820" numCol="1" spcCol="1270" anchor="ctr" anchorCtr="0">
              <a:noAutofit/>
            </a:bodyPr>
            <a:lstStyle/>
            <a:p>
              <a:pPr marL="228600" lvl="1" indent="-228600" algn="l" defTabSz="977900">
                <a:lnSpc>
                  <a:spcPct val="90000"/>
                </a:lnSpc>
                <a:spcBef>
                  <a:spcPct val="0"/>
                </a:spcBef>
                <a:spcAft>
                  <a:spcPct val="15000"/>
                </a:spcAft>
                <a:buChar char="•"/>
              </a:pPr>
              <a:r>
                <a:rPr lang="en-GB" sz="1800" kern="1200" dirty="0">
                  <a:solidFill>
                    <a:schemeClr val="tx1"/>
                  </a:solidFill>
                </a:rPr>
                <a:t>engages a service provider to do work on its behalf [i.e. outsourcing]</a:t>
              </a:r>
            </a:p>
            <a:p>
              <a:pPr marL="228600" lvl="1" indent="-228600" defTabSz="977900">
                <a:lnSpc>
                  <a:spcPct val="90000"/>
                </a:lnSpc>
                <a:spcAft>
                  <a:spcPct val="15000"/>
                </a:spcAft>
                <a:buChar char="•"/>
              </a:pPr>
              <a:r>
                <a:rPr lang="en-GB" sz="1800" kern="1200" dirty="0">
                  <a:solidFill>
                    <a:schemeClr val="tx1"/>
                  </a:solidFill>
                </a:rPr>
                <a:t>engages a </a:t>
              </a:r>
              <a:r>
                <a:rPr lang="en-GB" sz="1800" dirty="0">
                  <a:solidFill>
                    <a:schemeClr val="tx1"/>
                  </a:solidFill>
                </a:rPr>
                <a:t>new service provider</a:t>
              </a:r>
              <a:r>
                <a:rPr lang="en-GB" sz="1800" kern="1200" dirty="0">
                  <a:solidFill>
                    <a:schemeClr val="tx1"/>
                  </a:solidFill>
                </a:rPr>
                <a:t> to do that work in place of the first </a:t>
              </a:r>
              <a:r>
                <a:rPr lang="en-GB" sz="1800" dirty="0">
                  <a:solidFill>
                    <a:schemeClr val="tx1"/>
                  </a:solidFill>
                </a:rPr>
                <a:t>service provider</a:t>
              </a:r>
              <a:endParaRPr lang="en-GB" sz="1800" kern="1200" dirty="0">
                <a:solidFill>
                  <a:schemeClr val="tx1"/>
                </a:solidFill>
              </a:endParaRPr>
            </a:p>
            <a:p>
              <a:pPr marL="228600" lvl="1" indent="-228600" algn="l" defTabSz="977900">
                <a:lnSpc>
                  <a:spcPct val="90000"/>
                </a:lnSpc>
                <a:spcBef>
                  <a:spcPct val="0"/>
                </a:spcBef>
                <a:spcAft>
                  <a:spcPct val="15000"/>
                </a:spcAft>
                <a:buChar char="•"/>
              </a:pPr>
              <a:r>
                <a:rPr lang="en-GB" sz="1800" kern="1200" dirty="0">
                  <a:solidFill>
                    <a:schemeClr val="tx1"/>
                  </a:solidFill>
                </a:rPr>
                <a:t>brings the work “in-house</a:t>
              </a:r>
              <a:r>
                <a:rPr lang="en-GB" sz="1800" dirty="0">
                  <a:solidFill>
                    <a:schemeClr val="tx1"/>
                  </a:solidFill>
                </a:rPr>
                <a:t>”</a:t>
              </a:r>
              <a:endParaRPr lang="en-GB" sz="1800" kern="1200" dirty="0">
                <a:solidFill>
                  <a:schemeClr val="tx1"/>
                </a:solidFill>
              </a:endParaRPr>
            </a:p>
            <a:p>
              <a:pPr marL="228600" lvl="1" indent="-228600" defTabSz="977900">
                <a:lnSpc>
                  <a:spcPct val="90000"/>
                </a:lnSpc>
                <a:spcAft>
                  <a:spcPct val="15000"/>
                </a:spcAft>
                <a:buFontTx/>
                <a:buChar char="•"/>
              </a:pPr>
              <a:r>
                <a:rPr lang="en-GB" sz="1800" dirty="0">
                  <a:solidFill>
                    <a:schemeClr val="tx1"/>
                  </a:solidFill>
                </a:rPr>
                <a:t>and there is an </a:t>
              </a:r>
              <a:r>
                <a:rPr lang="en-GB" sz="1800" dirty="0">
                  <a:solidFill>
                    <a:srgbClr val="FF0000"/>
                  </a:solidFill>
                </a:rPr>
                <a:t>organised grouping </a:t>
              </a:r>
              <a:r>
                <a:rPr lang="en-GB" sz="1800" dirty="0">
                  <a:solidFill>
                    <a:schemeClr val="tx1"/>
                  </a:solidFill>
                </a:rPr>
                <a:t>of employees situated in Great Britain before the change that has as its </a:t>
              </a:r>
              <a:r>
                <a:rPr lang="en-GB" sz="1800" dirty="0">
                  <a:solidFill>
                    <a:srgbClr val="FF0000"/>
                  </a:solidFill>
                </a:rPr>
                <a:t>principal </a:t>
              </a:r>
              <a:r>
                <a:rPr lang="en-GB" sz="1800" dirty="0">
                  <a:solidFill>
                    <a:schemeClr val="tx1"/>
                  </a:solidFill>
                </a:rPr>
                <a:t>purpose the carrying out of </a:t>
              </a:r>
              <a:r>
                <a:rPr lang="en-GB" sz="1800" dirty="0">
                  <a:solidFill>
                    <a:srgbClr val="FF0000"/>
                  </a:solidFill>
                </a:rPr>
                <a:t>the relevant activities </a:t>
              </a:r>
              <a:r>
                <a:rPr lang="en-GB" sz="1800" dirty="0">
                  <a:solidFill>
                    <a:schemeClr val="tx1"/>
                  </a:solidFill>
                </a:rPr>
                <a:t>on behalf of the </a:t>
              </a:r>
              <a:r>
                <a:rPr lang="en-GB" sz="1800" dirty="0">
                  <a:solidFill>
                    <a:srgbClr val="FF0000"/>
                  </a:solidFill>
                </a:rPr>
                <a:t>client</a:t>
              </a:r>
            </a:p>
          </p:txBody>
        </p:sp>
        <p:sp>
          <p:nvSpPr>
            <p:cNvPr id="9" name="Free-form: Shape 8">
              <a:extLst>
                <a:ext uri="{FF2B5EF4-FFF2-40B4-BE49-F238E27FC236}">
                  <a16:creationId xmlns:a16="http://schemas.microsoft.com/office/drawing/2014/main" id="{582DF909-60EF-536C-739B-7AAC4F06BA5B}"/>
                </a:ext>
              </a:extLst>
            </p:cNvPr>
            <p:cNvSpPr/>
            <p:nvPr/>
          </p:nvSpPr>
          <p:spPr>
            <a:xfrm>
              <a:off x="412923" y="3482073"/>
              <a:ext cx="2844316" cy="435600"/>
            </a:xfrm>
            <a:custGeom>
              <a:avLst/>
              <a:gdLst>
                <a:gd name="connsiteX0" fmla="*/ 0 w 2844316"/>
                <a:gd name="connsiteY0" fmla="*/ 0 h 435600"/>
                <a:gd name="connsiteX1" fmla="*/ 2844316 w 2844316"/>
                <a:gd name="connsiteY1" fmla="*/ 0 h 435600"/>
                <a:gd name="connsiteX2" fmla="*/ 2844316 w 2844316"/>
                <a:gd name="connsiteY2" fmla="*/ 435600 h 435600"/>
                <a:gd name="connsiteX3" fmla="*/ 0 w 2844316"/>
                <a:gd name="connsiteY3" fmla="*/ 435600 h 435600"/>
                <a:gd name="connsiteX4" fmla="*/ 0 w 2844316"/>
                <a:gd name="connsiteY4" fmla="*/ 0 h 435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44316" h="435600">
                  <a:moveTo>
                    <a:pt x="0" y="0"/>
                  </a:moveTo>
                  <a:lnTo>
                    <a:pt x="2844316" y="0"/>
                  </a:lnTo>
                  <a:lnTo>
                    <a:pt x="2844316" y="435600"/>
                  </a:lnTo>
                  <a:lnTo>
                    <a:pt x="0" y="43560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56464" tIns="55880" rIns="156464" bIns="55880" numCol="1" spcCol="1270" anchor="ctr" anchorCtr="0">
              <a:noAutofit/>
            </a:bodyPr>
            <a:lstStyle/>
            <a:p>
              <a:pPr marL="0" lvl="0" indent="0" algn="r" defTabSz="977900">
                <a:lnSpc>
                  <a:spcPct val="90000"/>
                </a:lnSpc>
                <a:spcBef>
                  <a:spcPct val="0"/>
                </a:spcBef>
                <a:spcAft>
                  <a:spcPct val="35000"/>
                </a:spcAft>
                <a:buNone/>
              </a:pPr>
              <a:r>
                <a:rPr lang="en-GB" sz="2200" kern="1200" dirty="0"/>
                <a:t> </a:t>
              </a:r>
              <a:endParaRPr lang="en-GB" sz="2200" kern="1200" dirty="0">
                <a:solidFill>
                  <a:srgbClr val="FF0000"/>
                </a:solidFill>
              </a:endParaRPr>
            </a:p>
          </p:txBody>
        </p:sp>
        <p:sp>
          <p:nvSpPr>
            <p:cNvPr id="11" name="Free-form: Shape 10">
              <a:extLst>
                <a:ext uri="{FF2B5EF4-FFF2-40B4-BE49-F238E27FC236}">
                  <a16:creationId xmlns:a16="http://schemas.microsoft.com/office/drawing/2014/main" id="{4D094D80-705C-0398-3C17-D32F47942A44}"/>
                </a:ext>
              </a:extLst>
            </p:cNvPr>
            <p:cNvSpPr/>
            <p:nvPr/>
          </p:nvSpPr>
          <p:spPr>
            <a:xfrm>
              <a:off x="412923" y="4750517"/>
              <a:ext cx="2841538" cy="435600"/>
            </a:xfrm>
            <a:custGeom>
              <a:avLst/>
              <a:gdLst>
                <a:gd name="connsiteX0" fmla="*/ 0 w 2841538"/>
                <a:gd name="connsiteY0" fmla="*/ 0 h 435600"/>
                <a:gd name="connsiteX1" fmla="*/ 2841538 w 2841538"/>
                <a:gd name="connsiteY1" fmla="*/ 0 h 435600"/>
                <a:gd name="connsiteX2" fmla="*/ 2841538 w 2841538"/>
                <a:gd name="connsiteY2" fmla="*/ 435600 h 435600"/>
                <a:gd name="connsiteX3" fmla="*/ 0 w 2841538"/>
                <a:gd name="connsiteY3" fmla="*/ 435600 h 435600"/>
                <a:gd name="connsiteX4" fmla="*/ 0 w 2841538"/>
                <a:gd name="connsiteY4" fmla="*/ 0 h 435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41538" h="435600">
                  <a:moveTo>
                    <a:pt x="0" y="0"/>
                  </a:moveTo>
                  <a:lnTo>
                    <a:pt x="2841538" y="0"/>
                  </a:lnTo>
                  <a:lnTo>
                    <a:pt x="2841538" y="435600"/>
                  </a:lnTo>
                  <a:lnTo>
                    <a:pt x="0" y="43560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56464" tIns="55880" rIns="156464" bIns="55880" numCol="1" spcCol="1270" anchor="ctr" anchorCtr="0">
              <a:noAutofit/>
            </a:bodyPr>
            <a:lstStyle/>
            <a:p>
              <a:pPr marL="0" lvl="0" indent="0" algn="r" defTabSz="977900">
                <a:lnSpc>
                  <a:spcPct val="90000"/>
                </a:lnSpc>
                <a:spcBef>
                  <a:spcPct val="0"/>
                </a:spcBef>
                <a:spcAft>
                  <a:spcPct val="35000"/>
                </a:spcAft>
                <a:buNone/>
              </a:pPr>
              <a:r>
                <a:rPr lang="en-GB" sz="2200" kern="1200" dirty="0">
                  <a:solidFill>
                    <a:srgbClr val="FF0000"/>
                  </a:solidFill>
                </a:rPr>
                <a:t>Exceptions where the activities:</a:t>
              </a:r>
              <a:r>
                <a:rPr lang="en-GB" sz="2200" kern="1200" dirty="0"/>
                <a:t> </a:t>
              </a:r>
            </a:p>
          </p:txBody>
        </p:sp>
        <p:sp>
          <p:nvSpPr>
            <p:cNvPr id="12" name="Left Brace 11">
              <a:extLst>
                <a:ext uri="{FF2B5EF4-FFF2-40B4-BE49-F238E27FC236}">
                  <a16:creationId xmlns:a16="http://schemas.microsoft.com/office/drawing/2014/main" id="{06A2BE5C-230D-037D-2409-844530A19E18}"/>
                </a:ext>
              </a:extLst>
            </p:cNvPr>
            <p:cNvSpPr/>
            <p:nvPr/>
          </p:nvSpPr>
          <p:spPr>
            <a:xfrm>
              <a:off x="3254461" y="4349868"/>
              <a:ext cx="568307" cy="1236899"/>
            </a:xfrm>
            <a:prstGeom prst="leftBrace">
              <a:avLst>
                <a:gd name="adj1" fmla="val 35000"/>
                <a:gd name="adj2" fmla="val 50000"/>
              </a:avLst>
            </a:prstGeom>
          </p:spPr>
          <p:style>
            <a:lnRef idx="2">
              <a:schemeClr val="accent1">
                <a:shade val="60000"/>
                <a:hueOff val="0"/>
                <a:satOff val="0"/>
                <a:lumOff val="0"/>
                <a:alphaOff val="0"/>
              </a:schemeClr>
            </a:lnRef>
            <a:fillRef idx="0">
              <a:schemeClr val="accent1">
                <a:hueOff val="0"/>
                <a:satOff val="0"/>
                <a:lumOff val="0"/>
                <a:alphaOff val="0"/>
              </a:schemeClr>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13" name="Rectangle: Rounded Corners 12">
              <a:extLst>
                <a:ext uri="{FF2B5EF4-FFF2-40B4-BE49-F238E27FC236}">
                  <a16:creationId xmlns:a16="http://schemas.microsoft.com/office/drawing/2014/main" id="{256650AC-A349-F8E8-A59D-FB5B6349E5EF}"/>
                </a:ext>
              </a:extLst>
            </p:cNvPr>
            <p:cNvSpPr/>
            <p:nvPr/>
          </p:nvSpPr>
          <p:spPr>
            <a:xfrm>
              <a:off x="4055647" y="4293100"/>
              <a:ext cx="7728984" cy="1293667"/>
            </a:xfrm>
            <a:prstGeom prst="roundRect">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83820" tIns="83820" rIns="83820" bIns="83820" numCol="1" spcCol="1270" anchor="ctr" anchorCtr="0">
              <a:noAutofit/>
            </a:bodyPr>
            <a:lstStyle/>
            <a:p>
              <a:pPr marL="228600" lvl="1" indent="-228600" algn="l" defTabSz="977900">
                <a:lnSpc>
                  <a:spcPct val="90000"/>
                </a:lnSpc>
                <a:spcBef>
                  <a:spcPct val="0"/>
                </a:spcBef>
                <a:spcAft>
                  <a:spcPct val="15000"/>
                </a:spcAft>
                <a:buClr>
                  <a:schemeClr val="tx1"/>
                </a:buClr>
                <a:buChar char="•"/>
              </a:pPr>
              <a:r>
                <a:rPr lang="en-GB" sz="1800" kern="1200" dirty="0">
                  <a:solidFill>
                    <a:schemeClr val="tx1"/>
                  </a:solidFill>
                </a:rPr>
                <a:t>consist wholly or mainly of the supply of goods for the client's use</a:t>
              </a:r>
            </a:p>
            <a:p>
              <a:pPr marL="228600" lvl="1" indent="-228600" defTabSz="977900">
                <a:lnSpc>
                  <a:spcPct val="90000"/>
                </a:lnSpc>
                <a:spcAft>
                  <a:spcPct val="15000"/>
                </a:spcAft>
                <a:buClr>
                  <a:schemeClr val="tx1"/>
                </a:buClr>
                <a:buChar char="•"/>
              </a:pPr>
              <a:r>
                <a:rPr lang="en-GB" sz="1800" kern="1200" dirty="0">
                  <a:solidFill>
                    <a:schemeClr val="tx1"/>
                  </a:solidFill>
                </a:rPr>
                <a:t>are in connection with a single specific event or short-term task</a:t>
              </a:r>
            </a:p>
          </p:txBody>
        </p:sp>
      </p:grpSp>
    </p:spTree>
    <p:extLst>
      <p:ext uri="{BB962C8B-B14F-4D97-AF65-F5344CB8AC3E}">
        <p14:creationId xmlns:p14="http://schemas.microsoft.com/office/powerpoint/2010/main" val="22765520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20" name="Straight Connector 19">
            <a:extLst>
              <a:ext uri="{FF2B5EF4-FFF2-40B4-BE49-F238E27FC236}">
                <a16:creationId xmlns:a16="http://schemas.microsoft.com/office/drawing/2014/main" id="{2EC14FD5-3125-4EA8-3560-32857C014DA5}"/>
              </a:ext>
            </a:extLst>
          </p:cNvPr>
          <p:cNvCxnSpPr>
            <a:stCxn id="6" idx="2"/>
            <a:endCxn id="4" idx="0"/>
          </p:cNvCxnSpPr>
          <p:nvPr/>
        </p:nvCxnSpPr>
        <p:spPr bwMode="auto">
          <a:xfrm>
            <a:off x="6096000" y="2288581"/>
            <a:ext cx="1" cy="868196"/>
          </a:xfrm>
          <a:prstGeom prst="line">
            <a:avLst/>
          </a:prstGeom>
          <a:solidFill>
            <a:schemeClr val="accent1"/>
          </a:solidFill>
          <a:ln w="28575" cap="flat" cmpd="sng" algn="ctr">
            <a:solidFill>
              <a:srgbClr val="D7A540"/>
            </a:solidFill>
            <a:prstDash val="solid"/>
            <a:round/>
            <a:headEnd type="none" w="med" len="med"/>
            <a:tailEnd type="none" w="med" len="med"/>
          </a:ln>
          <a:effectLst/>
        </p:spPr>
      </p:cxnSp>
      <p:cxnSp>
        <p:nvCxnSpPr>
          <p:cNvPr id="34" name="Connector: Elbow 33">
            <a:extLst>
              <a:ext uri="{FF2B5EF4-FFF2-40B4-BE49-F238E27FC236}">
                <a16:creationId xmlns:a16="http://schemas.microsoft.com/office/drawing/2014/main" id="{E5BCC9A0-B257-A990-A198-2E4CF58EC7B7}"/>
              </a:ext>
            </a:extLst>
          </p:cNvPr>
          <p:cNvCxnSpPr>
            <a:stCxn id="7" idx="0"/>
            <a:endCxn id="4" idx="2"/>
          </p:cNvCxnSpPr>
          <p:nvPr/>
        </p:nvCxnSpPr>
        <p:spPr bwMode="auto">
          <a:xfrm rot="5400000" flipH="1" flipV="1">
            <a:off x="3107012" y="3493195"/>
            <a:ext cx="463569" cy="2127874"/>
          </a:xfrm>
          <a:prstGeom prst="bentConnector2">
            <a:avLst/>
          </a:prstGeom>
          <a:solidFill>
            <a:schemeClr val="accent1"/>
          </a:solidFill>
          <a:ln w="28575" cap="flat" cmpd="sng" algn="ctr">
            <a:solidFill>
              <a:srgbClr val="D7A540"/>
            </a:solidFill>
            <a:prstDash val="solid"/>
            <a:round/>
            <a:headEnd type="none" w="med" len="med"/>
            <a:tailEnd type="none" w="med" len="med"/>
          </a:ln>
          <a:effectLst/>
        </p:spPr>
      </p:cxnSp>
      <p:cxnSp>
        <p:nvCxnSpPr>
          <p:cNvPr id="28" name="Connector: Elbow 27">
            <a:extLst>
              <a:ext uri="{FF2B5EF4-FFF2-40B4-BE49-F238E27FC236}">
                <a16:creationId xmlns:a16="http://schemas.microsoft.com/office/drawing/2014/main" id="{1A21A216-E837-F025-84A2-27DFE3112F56}"/>
              </a:ext>
            </a:extLst>
          </p:cNvPr>
          <p:cNvCxnSpPr>
            <a:stCxn id="5" idx="3"/>
            <a:endCxn id="4" idx="1"/>
          </p:cNvCxnSpPr>
          <p:nvPr/>
        </p:nvCxnSpPr>
        <p:spPr bwMode="auto">
          <a:xfrm>
            <a:off x="4070432" y="3063106"/>
            <a:ext cx="828248" cy="435937"/>
          </a:xfrm>
          <a:prstGeom prst="bentConnector2">
            <a:avLst/>
          </a:prstGeom>
          <a:solidFill>
            <a:schemeClr val="accent1"/>
          </a:solidFill>
          <a:ln w="28575" cap="flat" cmpd="sng" algn="ctr">
            <a:solidFill>
              <a:srgbClr val="D7A540"/>
            </a:solidFill>
            <a:prstDash val="solid"/>
            <a:round/>
            <a:headEnd type="none" w="med" len="med"/>
            <a:tailEnd type="none" w="med" len="med"/>
          </a:ln>
          <a:effectLst/>
        </p:spPr>
      </p:cxnSp>
      <p:cxnSp>
        <p:nvCxnSpPr>
          <p:cNvPr id="36" name="Connector: Elbow 35">
            <a:extLst>
              <a:ext uri="{FF2B5EF4-FFF2-40B4-BE49-F238E27FC236}">
                <a16:creationId xmlns:a16="http://schemas.microsoft.com/office/drawing/2014/main" id="{FEAF6ED2-138A-DF6B-808D-9B2C1DF5DDE6}"/>
              </a:ext>
            </a:extLst>
          </p:cNvPr>
          <p:cNvCxnSpPr>
            <a:stCxn id="9" idx="0"/>
            <a:endCxn id="4" idx="6"/>
          </p:cNvCxnSpPr>
          <p:nvPr/>
        </p:nvCxnSpPr>
        <p:spPr bwMode="auto">
          <a:xfrm rot="16200000" flipV="1">
            <a:off x="8706264" y="3408352"/>
            <a:ext cx="463569" cy="2297560"/>
          </a:xfrm>
          <a:prstGeom prst="bentConnector2">
            <a:avLst/>
          </a:prstGeom>
          <a:solidFill>
            <a:schemeClr val="accent1"/>
          </a:solidFill>
          <a:ln w="28575" cap="flat" cmpd="sng" algn="ctr">
            <a:solidFill>
              <a:srgbClr val="D7A540"/>
            </a:solidFill>
            <a:prstDash val="solid"/>
            <a:round/>
            <a:headEnd type="none" w="med" len="med"/>
            <a:tailEnd type="none" w="med" len="med"/>
          </a:ln>
          <a:effectLst/>
        </p:spPr>
      </p:cxnSp>
      <p:cxnSp>
        <p:nvCxnSpPr>
          <p:cNvPr id="26" name="Connector: Elbow 25">
            <a:extLst>
              <a:ext uri="{FF2B5EF4-FFF2-40B4-BE49-F238E27FC236}">
                <a16:creationId xmlns:a16="http://schemas.microsoft.com/office/drawing/2014/main" id="{DD746D58-B53B-7A65-52C8-FF9CB5CCF9B3}"/>
              </a:ext>
            </a:extLst>
          </p:cNvPr>
          <p:cNvCxnSpPr>
            <a:stCxn id="8" idx="1"/>
            <a:endCxn id="4" idx="7"/>
          </p:cNvCxnSpPr>
          <p:nvPr/>
        </p:nvCxnSpPr>
        <p:spPr bwMode="auto">
          <a:xfrm rot="10800000" flipV="1">
            <a:off x="7293321" y="3063105"/>
            <a:ext cx="997934" cy="435937"/>
          </a:xfrm>
          <a:prstGeom prst="bentConnector2">
            <a:avLst/>
          </a:prstGeom>
          <a:solidFill>
            <a:schemeClr val="accent1"/>
          </a:solidFill>
          <a:ln w="28575" cap="flat" cmpd="sng" algn="ctr">
            <a:solidFill>
              <a:srgbClr val="D7A540"/>
            </a:solidFill>
            <a:prstDash val="solid"/>
            <a:round/>
            <a:headEnd type="none" w="med" len="med"/>
            <a:tailEnd type="none" w="med" len="med"/>
          </a:ln>
          <a:effectLst/>
        </p:spPr>
      </p:cxnSp>
      <p:sp>
        <p:nvSpPr>
          <p:cNvPr id="2" name="Title 1">
            <a:extLst>
              <a:ext uri="{FF2B5EF4-FFF2-40B4-BE49-F238E27FC236}">
                <a16:creationId xmlns:a16="http://schemas.microsoft.com/office/drawing/2014/main" id="{01D8ECF7-BFFF-BC7E-501F-53999B4372F9}"/>
              </a:ext>
            </a:extLst>
          </p:cNvPr>
          <p:cNvSpPr>
            <a:spLocks noGrp="1"/>
          </p:cNvSpPr>
          <p:nvPr>
            <p:ph type="title"/>
          </p:nvPr>
        </p:nvSpPr>
        <p:spPr/>
        <p:txBody>
          <a:bodyPr/>
          <a:lstStyle/>
          <a:p>
            <a:r>
              <a:rPr lang="en-GB" dirty="0"/>
              <a:t>Quick refresh: TUPE protections</a:t>
            </a:r>
          </a:p>
        </p:txBody>
      </p:sp>
      <p:sp>
        <p:nvSpPr>
          <p:cNvPr id="5" name="Rounded Rectangle 30">
            <a:extLst>
              <a:ext uri="{FF2B5EF4-FFF2-40B4-BE49-F238E27FC236}">
                <a16:creationId xmlns:a16="http://schemas.microsoft.com/office/drawing/2014/main" id="{B7997C05-B9B9-9B7D-9C9F-1BAF388D72F2}"/>
              </a:ext>
            </a:extLst>
          </p:cNvPr>
          <p:cNvSpPr/>
          <p:nvPr/>
        </p:nvSpPr>
        <p:spPr>
          <a:xfrm>
            <a:off x="479286" y="2625203"/>
            <a:ext cx="3591146" cy="875805"/>
          </a:xfrm>
          <a:prstGeom prst="roundRect">
            <a:avLst/>
          </a:prstGeom>
          <a:solidFill>
            <a:srgbClr val="F1B80C">
              <a:alpha val="60000"/>
            </a:srgb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spcBef>
                <a:spcPct val="50000"/>
              </a:spcBef>
              <a:defRPr/>
            </a:pPr>
            <a:r>
              <a:rPr lang="en-GB" sz="1600" dirty="0">
                <a:solidFill>
                  <a:schemeClr val="tx1"/>
                </a:solidFill>
                <a:ea typeface="ＭＳ Ｐゴシック" pitchFamily="-128" charset="-128"/>
              </a:rPr>
              <a:t>If transfer is sole or principal reason for dismissal </a:t>
            </a:r>
            <a:r>
              <a:rPr lang="en-GB" sz="1600" dirty="0">
                <a:solidFill>
                  <a:schemeClr val="tx1"/>
                </a:solidFill>
                <a:ea typeface="ＭＳ Ｐゴシック" pitchFamily="-128" charset="-128"/>
                <a:cs typeface="Times New Roman"/>
              </a:rPr>
              <a:t>→ automatically unfair unless “ETO reason”</a:t>
            </a:r>
            <a:endParaRPr lang="en-GB" sz="1600" dirty="0">
              <a:solidFill>
                <a:schemeClr val="tx1"/>
              </a:solidFill>
              <a:ea typeface="ＭＳ Ｐゴシック" pitchFamily="-128" charset="-128"/>
            </a:endParaRPr>
          </a:p>
        </p:txBody>
      </p:sp>
      <p:sp>
        <p:nvSpPr>
          <p:cNvPr id="6" name="Rounded Rectangle 30">
            <a:extLst>
              <a:ext uri="{FF2B5EF4-FFF2-40B4-BE49-F238E27FC236}">
                <a16:creationId xmlns:a16="http://schemas.microsoft.com/office/drawing/2014/main" id="{48DC5E19-7AE4-C853-F2B4-5B9DAF9659B5}"/>
              </a:ext>
            </a:extLst>
          </p:cNvPr>
          <p:cNvSpPr/>
          <p:nvPr/>
        </p:nvSpPr>
        <p:spPr>
          <a:xfrm>
            <a:off x="4300427" y="1412776"/>
            <a:ext cx="3591146" cy="875805"/>
          </a:xfrm>
          <a:prstGeom prst="roundRect">
            <a:avLst/>
          </a:prstGeom>
          <a:solidFill>
            <a:srgbClr val="C6168D">
              <a:alpha val="60000"/>
            </a:srgb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eaLnBrk="1" hangingPunct="1">
              <a:spcBef>
                <a:spcPct val="50000"/>
              </a:spcBef>
            </a:pPr>
            <a:r>
              <a:rPr lang="en-GB" altLang="en-US" sz="1600" dirty="0">
                <a:solidFill>
                  <a:schemeClr val="tx1"/>
                </a:solidFill>
              </a:rPr>
              <a:t>Automatic transfer of employees </a:t>
            </a:r>
          </a:p>
        </p:txBody>
      </p:sp>
      <p:sp>
        <p:nvSpPr>
          <p:cNvPr id="7" name="Rounded Rectangle 30">
            <a:extLst>
              <a:ext uri="{FF2B5EF4-FFF2-40B4-BE49-F238E27FC236}">
                <a16:creationId xmlns:a16="http://schemas.microsoft.com/office/drawing/2014/main" id="{E22587D0-C851-92B5-8D35-F57518779C44}"/>
              </a:ext>
            </a:extLst>
          </p:cNvPr>
          <p:cNvSpPr/>
          <p:nvPr/>
        </p:nvSpPr>
        <p:spPr>
          <a:xfrm>
            <a:off x="479286" y="4788916"/>
            <a:ext cx="3591146" cy="875805"/>
          </a:xfrm>
          <a:prstGeom prst="roundRect">
            <a:avLst/>
          </a:prstGeom>
          <a:solidFill>
            <a:srgbClr val="0097D6">
              <a:alpha val="60000"/>
            </a:srgb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eaLnBrk="1" hangingPunct="1">
              <a:spcBef>
                <a:spcPct val="50000"/>
              </a:spcBef>
            </a:pPr>
            <a:r>
              <a:rPr lang="en-GB" altLang="en-US" sz="1600" dirty="0">
                <a:solidFill>
                  <a:schemeClr val="tx1"/>
                </a:solidFill>
              </a:rPr>
              <a:t>Duty to inform and consult representatives of affected employees</a:t>
            </a:r>
          </a:p>
        </p:txBody>
      </p:sp>
      <p:sp>
        <p:nvSpPr>
          <p:cNvPr id="8" name="Rounded Rectangle 30">
            <a:extLst>
              <a:ext uri="{FF2B5EF4-FFF2-40B4-BE49-F238E27FC236}">
                <a16:creationId xmlns:a16="http://schemas.microsoft.com/office/drawing/2014/main" id="{FD314691-8CB8-C6AC-EF10-CBFD98C10AE5}"/>
              </a:ext>
            </a:extLst>
          </p:cNvPr>
          <p:cNvSpPr/>
          <p:nvPr/>
        </p:nvSpPr>
        <p:spPr>
          <a:xfrm>
            <a:off x="8291255" y="2625203"/>
            <a:ext cx="3591146" cy="875805"/>
          </a:xfrm>
          <a:prstGeom prst="roundRect">
            <a:avLst/>
          </a:prstGeom>
          <a:solidFill>
            <a:srgbClr val="F1720C">
              <a:alpha val="60000"/>
            </a:srgb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eaLnBrk="1" hangingPunct="1">
              <a:spcBef>
                <a:spcPct val="50000"/>
              </a:spcBef>
            </a:pPr>
            <a:r>
              <a:rPr lang="en-GB" altLang="en-US" sz="1600" dirty="0">
                <a:solidFill>
                  <a:schemeClr val="tx1"/>
                </a:solidFill>
              </a:rPr>
              <a:t>Employee rights and associated liabilities transfer </a:t>
            </a:r>
          </a:p>
        </p:txBody>
      </p:sp>
      <p:sp>
        <p:nvSpPr>
          <p:cNvPr id="9" name="Rounded Rectangle 30">
            <a:extLst>
              <a:ext uri="{FF2B5EF4-FFF2-40B4-BE49-F238E27FC236}">
                <a16:creationId xmlns:a16="http://schemas.microsoft.com/office/drawing/2014/main" id="{70FEA887-9C01-4183-02B3-1A99E2F1CA8C}"/>
              </a:ext>
            </a:extLst>
          </p:cNvPr>
          <p:cNvSpPr/>
          <p:nvPr/>
        </p:nvSpPr>
        <p:spPr>
          <a:xfrm>
            <a:off x="8291255" y="4788916"/>
            <a:ext cx="3591146" cy="875805"/>
          </a:xfrm>
          <a:prstGeom prst="roundRect">
            <a:avLst/>
          </a:prstGeom>
          <a:solidFill>
            <a:srgbClr val="00756F">
              <a:alpha val="60000"/>
            </a:srgb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eaLnBrk="1" hangingPunct="1">
              <a:spcBef>
                <a:spcPct val="50000"/>
              </a:spcBef>
            </a:pPr>
            <a:r>
              <a:rPr lang="en-GB" altLang="en-US" sz="1600" dirty="0">
                <a:solidFill>
                  <a:schemeClr val="tx1"/>
                </a:solidFill>
              </a:rPr>
              <a:t>Employee T&amp;Cs preserved and variations are void unless “</a:t>
            </a:r>
            <a:r>
              <a:rPr lang="en-GB" sz="1600" dirty="0">
                <a:solidFill>
                  <a:schemeClr val="tx1"/>
                </a:solidFill>
                <a:ea typeface="ＭＳ Ｐゴシック" pitchFamily="-128" charset="-128"/>
                <a:cs typeface="Times New Roman"/>
              </a:rPr>
              <a:t>ETO reason”</a:t>
            </a:r>
            <a:endParaRPr lang="en-GB" altLang="en-US" sz="1600" dirty="0">
              <a:solidFill>
                <a:schemeClr val="tx1"/>
              </a:solidFill>
            </a:endParaRPr>
          </a:p>
        </p:txBody>
      </p:sp>
      <p:sp>
        <p:nvSpPr>
          <p:cNvPr id="4" name="Oval 3">
            <a:extLst>
              <a:ext uri="{FF2B5EF4-FFF2-40B4-BE49-F238E27FC236}">
                <a16:creationId xmlns:a16="http://schemas.microsoft.com/office/drawing/2014/main" id="{8E770AFE-C27A-9277-5DB6-9FECA29AFFA0}"/>
              </a:ext>
            </a:extLst>
          </p:cNvPr>
          <p:cNvSpPr/>
          <p:nvPr/>
        </p:nvSpPr>
        <p:spPr>
          <a:xfrm>
            <a:off x="4402733" y="3156777"/>
            <a:ext cx="3386535" cy="2337140"/>
          </a:xfrm>
          <a:prstGeom prst="ellipse">
            <a:avLst/>
          </a:prstGeom>
          <a:solidFill>
            <a:srgbClr val="00B5AD">
              <a:alpha val="60000"/>
            </a:srgbClr>
          </a:solidFill>
          <a:ln w="28575">
            <a:solidFill>
              <a:srgbClr val="00507D"/>
            </a:solid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r>
              <a:rPr lang="en-GB" altLang="en-US" sz="2000" dirty="0">
                <a:solidFill>
                  <a:schemeClr val="tx1"/>
                </a:solidFill>
              </a:rPr>
              <a:t>If TUPE applies incoming contractor [“transferee”]  bound by…</a:t>
            </a:r>
            <a:r>
              <a:rPr lang="en-GB" sz="1050" b="1" dirty="0">
                <a:solidFill>
                  <a:schemeClr val="tx1"/>
                </a:solidFill>
                <a:latin typeface="Bliss 2 Regular" panose="02000506030000020004" pitchFamily="50" charset="0"/>
                <a:ea typeface="Calibri" panose="020F0502020204030204" pitchFamily="34" charset="0"/>
                <a:cs typeface="Arial" panose="020B0604020202020204" pitchFamily="34" charset="0"/>
              </a:rPr>
              <a:t> </a:t>
            </a:r>
            <a:endParaRPr lang="en-GB" sz="900" dirty="0">
              <a:solidFill>
                <a:schemeClr val="tx1"/>
              </a:solidFill>
              <a:latin typeface="Arial" panose="020B0604020202020204" pitchFamily="34" charset="0"/>
              <a:ea typeface="Calibri" panose="020F0502020204030204" pitchFamily="34" charset="0"/>
              <a:cs typeface="Arial" panose="020B0604020202020204" pitchFamily="34" charset="0"/>
            </a:endParaRPr>
          </a:p>
        </p:txBody>
      </p:sp>
    </p:spTree>
    <p:extLst>
      <p:ext uri="{BB962C8B-B14F-4D97-AF65-F5344CB8AC3E}">
        <p14:creationId xmlns:p14="http://schemas.microsoft.com/office/powerpoint/2010/main" val="197994560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05753E-3017-E84A-9E6A-23134F76E653}"/>
              </a:ext>
            </a:extLst>
          </p:cNvPr>
          <p:cNvSpPr>
            <a:spLocks noGrp="1"/>
          </p:cNvSpPr>
          <p:nvPr>
            <p:ph type="title"/>
          </p:nvPr>
        </p:nvSpPr>
        <p:spPr/>
        <p:txBody>
          <a:bodyPr/>
          <a:lstStyle/>
          <a:p>
            <a:r>
              <a:rPr lang="en-GB" dirty="0"/>
              <a:t>Entry and Exit </a:t>
            </a:r>
          </a:p>
        </p:txBody>
      </p:sp>
      <p:sp>
        <p:nvSpPr>
          <p:cNvPr id="3" name="Content Placeholder 2">
            <a:extLst>
              <a:ext uri="{FF2B5EF4-FFF2-40B4-BE49-F238E27FC236}">
                <a16:creationId xmlns:a16="http://schemas.microsoft.com/office/drawing/2014/main" id="{C994D6C1-2AC8-9A52-CFF6-51F3044CAD72}"/>
              </a:ext>
            </a:extLst>
          </p:cNvPr>
          <p:cNvSpPr>
            <a:spLocks noGrp="1"/>
          </p:cNvSpPr>
          <p:nvPr>
            <p:ph idx="1"/>
          </p:nvPr>
        </p:nvSpPr>
        <p:spPr>
          <a:xfrm>
            <a:off x="407368" y="1182311"/>
            <a:ext cx="8856984" cy="5323969"/>
          </a:xfrm>
        </p:spPr>
        <p:txBody>
          <a:bodyPr/>
          <a:lstStyle/>
          <a:p>
            <a:pPr marL="0" indent="0">
              <a:buNone/>
            </a:pPr>
            <a:endParaRPr lang="en-GB" dirty="0"/>
          </a:p>
          <a:p>
            <a:pPr marL="0" indent="0">
              <a:buNone/>
            </a:pPr>
            <a:r>
              <a:rPr lang="en-GB" dirty="0"/>
              <a:t>When a service provider is engaged, TWO transfers can be anticipated at the outset during commercial negotiations:</a:t>
            </a:r>
          </a:p>
          <a:p>
            <a:pPr marL="0" indent="0">
              <a:buNone/>
            </a:pPr>
            <a:endParaRPr lang="en-GB" dirty="0"/>
          </a:p>
          <a:p>
            <a:endParaRPr lang="en-GB" dirty="0"/>
          </a:p>
          <a:p>
            <a:pPr marL="0" lvl="0" indent="0">
              <a:buNone/>
            </a:pPr>
            <a:endParaRPr lang="en-GB" sz="2800" b="1" dirty="0"/>
          </a:p>
          <a:p>
            <a:pPr marL="0" lvl="0" indent="0">
              <a:buNone/>
            </a:pPr>
            <a:endParaRPr lang="en-GB" sz="2800" b="1" dirty="0"/>
          </a:p>
          <a:p>
            <a:pPr marL="0" lvl="0" indent="0">
              <a:buNone/>
            </a:pPr>
            <a:endParaRPr lang="en-GB" sz="2800" b="1" dirty="0"/>
          </a:p>
          <a:p>
            <a:pPr marL="0" lvl="0" indent="0">
              <a:buNone/>
            </a:pPr>
            <a:endParaRPr lang="en-GB" sz="2800" b="1" dirty="0"/>
          </a:p>
          <a:p>
            <a:pPr lvl="0"/>
            <a:endParaRPr lang="en-GB" dirty="0"/>
          </a:p>
          <a:p>
            <a:pPr marL="0" indent="0">
              <a:buNone/>
            </a:pPr>
            <a:endParaRPr lang="en-GB" dirty="0"/>
          </a:p>
          <a:p>
            <a:pPr marL="0" indent="0">
              <a:buNone/>
            </a:pPr>
            <a:endParaRPr lang="en-GB" dirty="0"/>
          </a:p>
          <a:p>
            <a:pPr marL="0" indent="0">
              <a:buNone/>
            </a:pPr>
            <a:endParaRPr lang="en-GB" dirty="0"/>
          </a:p>
        </p:txBody>
      </p:sp>
      <p:graphicFrame>
        <p:nvGraphicFramePr>
          <p:cNvPr id="4" name="Diagram 3">
            <a:extLst>
              <a:ext uri="{FF2B5EF4-FFF2-40B4-BE49-F238E27FC236}">
                <a16:creationId xmlns:a16="http://schemas.microsoft.com/office/drawing/2014/main" id="{D54264A2-B1EA-54B2-DB54-C43B3B3F9902}"/>
              </a:ext>
            </a:extLst>
          </p:cNvPr>
          <p:cNvGraphicFramePr/>
          <p:nvPr>
            <p:extLst>
              <p:ext uri="{D42A27DB-BD31-4B8C-83A1-F6EECF244321}">
                <p14:modId xmlns:p14="http://schemas.microsoft.com/office/powerpoint/2010/main" val="2929078358"/>
              </p:ext>
            </p:extLst>
          </p:nvPr>
        </p:nvGraphicFramePr>
        <p:xfrm>
          <a:off x="1739516" y="2659787"/>
          <a:ext cx="6192688" cy="115212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graphicFrame>
        <p:nvGraphicFramePr>
          <p:cNvPr id="5" name="Diagram 4">
            <a:extLst>
              <a:ext uri="{FF2B5EF4-FFF2-40B4-BE49-F238E27FC236}">
                <a16:creationId xmlns:a16="http://schemas.microsoft.com/office/drawing/2014/main" id="{F3FEB613-2104-4D56-99CC-D6413E5997C9}"/>
              </a:ext>
            </a:extLst>
          </p:cNvPr>
          <p:cNvGraphicFramePr/>
          <p:nvPr>
            <p:extLst>
              <p:ext uri="{D42A27DB-BD31-4B8C-83A1-F6EECF244321}">
                <p14:modId xmlns:p14="http://schemas.microsoft.com/office/powerpoint/2010/main" val="1592458025"/>
              </p:ext>
            </p:extLst>
          </p:nvPr>
        </p:nvGraphicFramePr>
        <p:xfrm>
          <a:off x="1667508" y="4360393"/>
          <a:ext cx="6336704" cy="1152128"/>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sp>
        <p:nvSpPr>
          <p:cNvPr id="7" name="Freeform 4">
            <a:extLst>
              <a:ext uri="{FF2B5EF4-FFF2-40B4-BE49-F238E27FC236}">
                <a16:creationId xmlns:a16="http://schemas.microsoft.com/office/drawing/2014/main" id="{8484BA9C-27A1-1FC9-7AAB-FB971E7427A4}"/>
              </a:ext>
            </a:extLst>
          </p:cNvPr>
          <p:cNvSpPr>
            <a:spLocks noChangeAspect="1"/>
          </p:cNvSpPr>
          <p:nvPr/>
        </p:nvSpPr>
        <p:spPr>
          <a:xfrm>
            <a:off x="8734407" y="297146"/>
            <a:ext cx="3462934" cy="6560854"/>
          </a:xfrm>
          <a:custGeom>
            <a:avLst/>
            <a:gdLst>
              <a:gd name="connsiteX0" fmla="*/ 870857 w 3422469"/>
              <a:gd name="connsiteY0" fmla="*/ 0 h 6679475"/>
              <a:gd name="connsiteX1" fmla="*/ 3422469 w 3422469"/>
              <a:gd name="connsiteY1" fmla="*/ 0 h 6679475"/>
              <a:gd name="connsiteX2" fmla="*/ 3422469 w 3422469"/>
              <a:gd name="connsiteY2" fmla="*/ 6679475 h 6679475"/>
              <a:gd name="connsiteX3" fmla="*/ 130629 w 3422469"/>
              <a:gd name="connsiteY3" fmla="*/ 6679475 h 6679475"/>
              <a:gd name="connsiteX4" fmla="*/ 121920 w 3422469"/>
              <a:gd name="connsiteY4" fmla="*/ 6670766 h 6679475"/>
              <a:gd name="connsiteX5" fmla="*/ 87086 w 3422469"/>
              <a:gd name="connsiteY5" fmla="*/ 6365966 h 6679475"/>
              <a:gd name="connsiteX6" fmla="*/ 17417 w 3422469"/>
              <a:gd name="connsiteY6" fmla="*/ 5747657 h 6679475"/>
              <a:gd name="connsiteX7" fmla="*/ 0 w 3422469"/>
              <a:gd name="connsiteY7" fmla="*/ 5068389 h 6679475"/>
              <a:gd name="connsiteX8" fmla="*/ 17417 w 3422469"/>
              <a:gd name="connsiteY8" fmla="*/ 4258492 h 6679475"/>
              <a:gd name="connsiteX9" fmla="*/ 69669 w 3422469"/>
              <a:gd name="connsiteY9" fmla="*/ 3648892 h 6679475"/>
              <a:gd name="connsiteX10" fmla="*/ 130629 w 3422469"/>
              <a:gd name="connsiteY10" fmla="*/ 3117669 h 6679475"/>
              <a:gd name="connsiteX11" fmla="*/ 235131 w 3422469"/>
              <a:gd name="connsiteY11" fmla="*/ 2447109 h 6679475"/>
              <a:gd name="connsiteX12" fmla="*/ 409303 w 3422469"/>
              <a:gd name="connsiteY12" fmla="*/ 1645920 h 6679475"/>
              <a:gd name="connsiteX13" fmla="*/ 574766 w 3422469"/>
              <a:gd name="connsiteY13" fmla="*/ 940526 h 6679475"/>
              <a:gd name="connsiteX14" fmla="*/ 748937 w 3422469"/>
              <a:gd name="connsiteY14" fmla="*/ 357052 h 6679475"/>
              <a:gd name="connsiteX15" fmla="*/ 870857 w 3422469"/>
              <a:gd name="connsiteY15"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30629 w 3422469"/>
              <a:gd name="connsiteY3" fmla="*/ 6679475 h 6679475"/>
              <a:gd name="connsiteX4" fmla="*/ 121920 w 3422469"/>
              <a:gd name="connsiteY4" fmla="*/ 6670766 h 6679475"/>
              <a:gd name="connsiteX5" fmla="*/ 87086 w 3422469"/>
              <a:gd name="connsiteY5" fmla="*/ 6365966 h 6679475"/>
              <a:gd name="connsiteX6" fmla="*/ 17417 w 3422469"/>
              <a:gd name="connsiteY6" fmla="*/ 5747657 h 6679475"/>
              <a:gd name="connsiteX7" fmla="*/ 0 w 3422469"/>
              <a:gd name="connsiteY7" fmla="*/ 5068389 h 6679475"/>
              <a:gd name="connsiteX8" fmla="*/ 17417 w 3422469"/>
              <a:gd name="connsiteY8" fmla="*/ 4258492 h 6679475"/>
              <a:gd name="connsiteX9" fmla="*/ 69669 w 3422469"/>
              <a:gd name="connsiteY9" fmla="*/ 3648892 h 6679475"/>
              <a:gd name="connsiteX10" fmla="*/ 130629 w 3422469"/>
              <a:gd name="connsiteY10" fmla="*/ 3117669 h 6679475"/>
              <a:gd name="connsiteX11" fmla="*/ 235131 w 3422469"/>
              <a:gd name="connsiteY11" fmla="*/ 2447109 h 6679475"/>
              <a:gd name="connsiteX12" fmla="*/ 409303 w 3422469"/>
              <a:gd name="connsiteY12" fmla="*/ 1645920 h 6679475"/>
              <a:gd name="connsiteX13" fmla="*/ 574766 w 3422469"/>
              <a:gd name="connsiteY13" fmla="*/ 940526 h 6679475"/>
              <a:gd name="connsiteX14" fmla="*/ 748937 w 3422469"/>
              <a:gd name="connsiteY14" fmla="*/ 357052 h 6679475"/>
              <a:gd name="connsiteX15" fmla="*/ 870857 w 3422469"/>
              <a:gd name="connsiteY15"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30629 w 3422469"/>
              <a:gd name="connsiteY3" fmla="*/ 6679475 h 6679475"/>
              <a:gd name="connsiteX4" fmla="*/ 121920 w 3422469"/>
              <a:gd name="connsiteY4" fmla="*/ 6670766 h 6679475"/>
              <a:gd name="connsiteX5" fmla="*/ 17417 w 3422469"/>
              <a:gd name="connsiteY5" fmla="*/ 5747657 h 6679475"/>
              <a:gd name="connsiteX6" fmla="*/ 0 w 3422469"/>
              <a:gd name="connsiteY6" fmla="*/ 5068389 h 6679475"/>
              <a:gd name="connsiteX7" fmla="*/ 17417 w 3422469"/>
              <a:gd name="connsiteY7" fmla="*/ 4258492 h 6679475"/>
              <a:gd name="connsiteX8" fmla="*/ 69669 w 3422469"/>
              <a:gd name="connsiteY8" fmla="*/ 3648892 h 6679475"/>
              <a:gd name="connsiteX9" fmla="*/ 130629 w 3422469"/>
              <a:gd name="connsiteY9" fmla="*/ 3117669 h 6679475"/>
              <a:gd name="connsiteX10" fmla="*/ 235131 w 3422469"/>
              <a:gd name="connsiteY10" fmla="*/ 2447109 h 6679475"/>
              <a:gd name="connsiteX11" fmla="*/ 409303 w 3422469"/>
              <a:gd name="connsiteY11" fmla="*/ 1645920 h 6679475"/>
              <a:gd name="connsiteX12" fmla="*/ 574766 w 3422469"/>
              <a:gd name="connsiteY12" fmla="*/ 940526 h 6679475"/>
              <a:gd name="connsiteX13" fmla="*/ 748937 w 3422469"/>
              <a:gd name="connsiteY13" fmla="*/ 357052 h 6679475"/>
              <a:gd name="connsiteX14" fmla="*/ 870857 w 3422469"/>
              <a:gd name="connsiteY14"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30629 w 3422469"/>
              <a:gd name="connsiteY3" fmla="*/ 6679475 h 6679475"/>
              <a:gd name="connsiteX4" fmla="*/ 121920 w 3422469"/>
              <a:gd name="connsiteY4" fmla="*/ 6670766 h 6679475"/>
              <a:gd name="connsiteX5" fmla="*/ 17417 w 3422469"/>
              <a:gd name="connsiteY5" fmla="*/ 5747657 h 6679475"/>
              <a:gd name="connsiteX6" fmla="*/ 0 w 3422469"/>
              <a:gd name="connsiteY6" fmla="*/ 5068389 h 6679475"/>
              <a:gd name="connsiteX7" fmla="*/ 17417 w 3422469"/>
              <a:gd name="connsiteY7" fmla="*/ 4258492 h 6679475"/>
              <a:gd name="connsiteX8" fmla="*/ 69669 w 3422469"/>
              <a:gd name="connsiteY8" fmla="*/ 3648892 h 6679475"/>
              <a:gd name="connsiteX9" fmla="*/ 130629 w 3422469"/>
              <a:gd name="connsiteY9" fmla="*/ 3117669 h 6679475"/>
              <a:gd name="connsiteX10" fmla="*/ 235131 w 3422469"/>
              <a:gd name="connsiteY10" fmla="*/ 2447109 h 6679475"/>
              <a:gd name="connsiteX11" fmla="*/ 409303 w 3422469"/>
              <a:gd name="connsiteY11" fmla="*/ 1645920 h 6679475"/>
              <a:gd name="connsiteX12" fmla="*/ 574766 w 3422469"/>
              <a:gd name="connsiteY12" fmla="*/ 940526 h 6679475"/>
              <a:gd name="connsiteX13" fmla="*/ 748937 w 3422469"/>
              <a:gd name="connsiteY13" fmla="*/ 357052 h 6679475"/>
              <a:gd name="connsiteX14" fmla="*/ 870857 w 3422469"/>
              <a:gd name="connsiteY14"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30629 w 3422469"/>
              <a:gd name="connsiteY3" fmla="*/ 6679475 h 6679475"/>
              <a:gd name="connsiteX4" fmla="*/ 147320 w 3422469"/>
              <a:gd name="connsiteY4" fmla="*/ 6664416 h 6679475"/>
              <a:gd name="connsiteX5" fmla="*/ 17417 w 3422469"/>
              <a:gd name="connsiteY5" fmla="*/ 5747657 h 6679475"/>
              <a:gd name="connsiteX6" fmla="*/ 0 w 3422469"/>
              <a:gd name="connsiteY6" fmla="*/ 5068389 h 6679475"/>
              <a:gd name="connsiteX7" fmla="*/ 17417 w 3422469"/>
              <a:gd name="connsiteY7" fmla="*/ 4258492 h 6679475"/>
              <a:gd name="connsiteX8" fmla="*/ 69669 w 3422469"/>
              <a:gd name="connsiteY8" fmla="*/ 3648892 h 6679475"/>
              <a:gd name="connsiteX9" fmla="*/ 130629 w 3422469"/>
              <a:gd name="connsiteY9" fmla="*/ 3117669 h 6679475"/>
              <a:gd name="connsiteX10" fmla="*/ 235131 w 3422469"/>
              <a:gd name="connsiteY10" fmla="*/ 2447109 h 6679475"/>
              <a:gd name="connsiteX11" fmla="*/ 409303 w 3422469"/>
              <a:gd name="connsiteY11" fmla="*/ 1645920 h 6679475"/>
              <a:gd name="connsiteX12" fmla="*/ 574766 w 3422469"/>
              <a:gd name="connsiteY12" fmla="*/ 940526 h 6679475"/>
              <a:gd name="connsiteX13" fmla="*/ 748937 w 3422469"/>
              <a:gd name="connsiteY13" fmla="*/ 357052 h 6679475"/>
              <a:gd name="connsiteX14" fmla="*/ 870857 w 3422469"/>
              <a:gd name="connsiteY14"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30629 w 3422469"/>
              <a:gd name="connsiteY3" fmla="*/ 6679475 h 6679475"/>
              <a:gd name="connsiteX4" fmla="*/ 17417 w 3422469"/>
              <a:gd name="connsiteY4" fmla="*/ 5747657 h 6679475"/>
              <a:gd name="connsiteX5" fmla="*/ 0 w 3422469"/>
              <a:gd name="connsiteY5" fmla="*/ 5068389 h 6679475"/>
              <a:gd name="connsiteX6" fmla="*/ 17417 w 3422469"/>
              <a:gd name="connsiteY6" fmla="*/ 4258492 h 6679475"/>
              <a:gd name="connsiteX7" fmla="*/ 69669 w 3422469"/>
              <a:gd name="connsiteY7" fmla="*/ 3648892 h 6679475"/>
              <a:gd name="connsiteX8" fmla="*/ 130629 w 3422469"/>
              <a:gd name="connsiteY8" fmla="*/ 3117669 h 6679475"/>
              <a:gd name="connsiteX9" fmla="*/ 235131 w 3422469"/>
              <a:gd name="connsiteY9" fmla="*/ 2447109 h 6679475"/>
              <a:gd name="connsiteX10" fmla="*/ 409303 w 3422469"/>
              <a:gd name="connsiteY10" fmla="*/ 1645920 h 6679475"/>
              <a:gd name="connsiteX11" fmla="*/ 574766 w 3422469"/>
              <a:gd name="connsiteY11" fmla="*/ 940526 h 6679475"/>
              <a:gd name="connsiteX12" fmla="*/ 748937 w 3422469"/>
              <a:gd name="connsiteY12" fmla="*/ 357052 h 6679475"/>
              <a:gd name="connsiteX13" fmla="*/ 870857 w 3422469"/>
              <a:gd name="connsiteY13"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72350 w 3422469"/>
              <a:gd name="connsiteY3" fmla="*/ 6679475 h 6679475"/>
              <a:gd name="connsiteX4" fmla="*/ 17417 w 3422469"/>
              <a:gd name="connsiteY4" fmla="*/ 5747657 h 6679475"/>
              <a:gd name="connsiteX5" fmla="*/ 0 w 3422469"/>
              <a:gd name="connsiteY5" fmla="*/ 5068389 h 6679475"/>
              <a:gd name="connsiteX6" fmla="*/ 17417 w 3422469"/>
              <a:gd name="connsiteY6" fmla="*/ 4258492 h 6679475"/>
              <a:gd name="connsiteX7" fmla="*/ 69669 w 3422469"/>
              <a:gd name="connsiteY7" fmla="*/ 3648892 h 6679475"/>
              <a:gd name="connsiteX8" fmla="*/ 130629 w 3422469"/>
              <a:gd name="connsiteY8" fmla="*/ 3117669 h 6679475"/>
              <a:gd name="connsiteX9" fmla="*/ 235131 w 3422469"/>
              <a:gd name="connsiteY9" fmla="*/ 2447109 h 6679475"/>
              <a:gd name="connsiteX10" fmla="*/ 409303 w 3422469"/>
              <a:gd name="connsiteY10" fmla="*/ 1645920 h 6679475"/>
              <a:gd name="connsiteX11" fmla="*/ 574766 w 3422469"/>
              <a:gd name="connsiteY11" fmla="*/ 940526 h 6679475"/>
              <a:gd name="connsiteX12" fmla="*/ 748937 w 3422469"/>
              <a:gd name="connsiteY12" fmla="*/ 357052 h 6679475"/>
              <a:gd name="connsiteX13" fmla="*/ 870857 w 3422469"/>
              <a:gd name="connsiteY13"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30628 w 3422469"/>
              <a:gd name="connsiteY3" fmla="*/ 6675998 h 6679475"/>
              <a:gd name="connsiteX4" fmla="*/ 17417 w 3422469"/>
              <a:gd name="connsiteY4" fmla="*/ 5747657 h 6679475"/>
              <a:gd name="connsiteX5" fmla="*/ 0 w 3422469"/>
              <a:gd name="connsiteY5" fmla="*/ 5068389 h 6679475"/>
              <a:gd name="connsiteX6" fmla="*/ 17417 w 3422469"/>
              <a:gd name="connsiteY6" fmla="*/ 4258492 h 6679475"/>
              <a:gd name="connsiteX7" fmla="*/ 69669 w 3422469"/>
              <a:gd name="connsiteY7" fmla="*/ 3648892 h 6679475"/>
              <a:gd name="connsiteX8" fmla="*/ 130629 w 3422469"/>
              <a:gd name="connsiteY8" fmla="*/ 3117669 h 6679475"/>
              <a:gd name="connsiteX9" fmla="*/ 235131 w 3422469"/>
              <a:gd name="connsiteY9" fmla="*/ 2447109 h 6679475"/>
              <a:gd name="connsiteX10" fmla="*/ 409303 w 3422469"/>
              <a:gd name="connsiteY10" fmla="*/ 1645920 h 6679475"/>
              <a:gd name="connsiteX11" fmla="*/ 574766 w 3422469"/>
              <a:gd name="connsiteY11" fmla="*/ 940526 h 6679475"/>
              <a:gd name="connsiteX12" fmla="*/ 748937 w 3422469"/>
              <a:gd name="connsiteY12" fmla="*/ 357052 h 6679475"/>
              <a:gd name="connsiteX13" fmla="*/ 870857 w 3422469"/>
              <a:gd name="connsiteY13"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30628 w 3422469"/>
              <a:gd name="connsiteY3" fmla="*/ 6675998 h 6679475"/>
              <a:gd name="connsiteX4" fmla="*/ 17417 w 3422469"/>
              <a:gd name="connsiteY4" fmla="*/ 5747657 h 6679475"/>
              <a:gd name="connsiteX5" fmla="*/ 0 w 3422469"/>
              <a:gd name="connsiteY5" fmla="*/ 5068389 h 6679475"/>
              <a:gd name="connsiteX6" fmla="*/ 17417 w 3422469"/>
              <a:gd name="connsiteY6" fmla="*/ 4258492 h 6679475"/>
              <a:gd name="connsiteX7" fmla="*/ 69669 w 3422469"/>
              <a:gd name="connsiteY7" fmla="*/ 3648892 h 6679475"/>
              <a:gd name="connsiteX8" fmla="*/ 130629 w 3422469"/>
              <a:gd name="connsiteY8" fmla="*/ 3117669 h 6679475"/>
              <a:gd name="connsiteX9" fmla="*/ 235131 w 3422469"/>
              <a:gd name="connsiteY9" fmla="*/ 2447109 h 6679475"/>
              <a:gd name="connsiteX10" fmla="*/ 409303 w 3422469"/>
              <a:gd name="connsiteY10" fmla="*/ 1645920 h 6679475"/>
              <a:gd name="connsiteX11" fmla="*/ 574766 w 3422469"/>
              <a:gd name="connsiteY11" fmla="*/ 940526 h 6679475"/>
              <a:gd name="connsiteX12" fmla="*/ 748937 w 3422469"/>
              <a:gd name="connsiteY12" fmla="*/ 357052 h 6679475"/>
              <a:gd name="connsiteX13" fmla="*/ 870857 w 3422469"/>
              <a:gd name="connsiteY13"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30628 w 3422469"/>
              <a:gd name="connsiteY3" fmla="*/ 6675998 h 6679475"/>
              <a:gd name="connsiteX4" fmla="*/ 6986 w 3422469"/>
              <a:gd name="connsiteY4" fmla="*/ 5549479 h 6679475"/>
              <a:gd name="connsiteX5" fmla="*/ 0 w 3422469"/>
              <a:gd name="connsiteY5" fmla="*/ 5068389 h 6679475"/>
              <a:gd name="connsiteX6" fmla="*/ 17417 w 3422469"/>
              <a:gd name="connsiteY6" fmla="*/ 4258492 h 6679475"/>
              <a:gd name="connsiteX7" fmla="*/ 69669 w 3422469"/>
              <a:gd name="connsiteY7" fmla="*/ 3648892 h 6679475"/>
              <a:gd name="connsiteX8" fmla="*/ 130629 w 3422469"/>
              <a:gd name="connsiteY8" fmla="*/ 3117669 h 6679475"/>
              <a:gd name="connsiteX9" fmla="*/ 235131 w 3422469"/>
              <a:gd name="connsiteY9" fmla="*/ 2447109 h 6679475"/>
              <a:gd name="connsiteX10" fmla="*/ 409303 w 3422469"/>
              <a:gd name="connsiteY10" fmla="*/ 1645920 h 6679475"/>
              <a:gd name="connsiteX11" fmla="*/ 574766 w 3422469"/>
              <a:gd name="connsiteY11" fmla="*/ 940526 h 6679475"/>
              <a:gd name="connsiteX12" fmla="*/ 748937 w 3422469"/>
              <a:gd name="connsiteY12" fmla="*/ 357052 h 6679475"/>
              <a:gd name="connsiteX13" fmla="*/ 870857 w 3422469"/>
              <a:gd name="connsiteY13" fmla="*/ 0 h 6679475"/>
              <a:gd name="connsiteX0" fmla="*/ 870857 w 3422469"/>
              <a:gd name="connsiteY0" fmla="*/ 0 h 6679475"/>
              <a:gd name="connsiteX1" fmla="*/ 3422469 w 3422469"/>
              <a:gd name="connsiteY1" fmla="*/ 0 h 6679475"/>
              <a:gd name="connsiteX2" fmla="*/ 3422469 w 3422469"/>
              <a:gd name="connsiteY2" fmla="*/ 6679475 h 6679475"/>
              <a:gd name="connsiteX3" fmla="*/ 130628 w 3422469"/>
              <a:gd name="connsiteY3" fmla="*/ 6675998 h 6679475"/>
              <a:gd name="connsiteX4" fmla="*/ 6986 w 3422469"/>
              <a:gd name="connsiteY4" fmla="*/ 5549479 h 6679475"/>
              <a:gd name="connsiteX5" fmla="*/ 0 w 3422469"/>
              <a:gd name="connsiteY5" fmla="*/ 5068389 h 6679475"/>
              <a:gd name="connsiteX6" fmla="*/ 17417 w 3422469"/>
              <a:gd name="connsiteY6" fmla="*/ 4258492 h 6679475"/>
              <a:gd name="connsiteX7" fmla="*/ 69669 w 3422469"/>
              <a:gd name="connsiteY7" fmla="*/ 3648892 h 6679475"/>
              <a:gd name="connsiteX8" fmla="*/ 130629 w 3422469"/>
              <a:gd name="connsiteY8" fmla="*/ 3117669 h 6679475"/>
              <a:gd name="connsiteX9" fmla="*/ 235131 w 3422469"/>
              <a:gd name="connsiteY9" fmla="*/ 2447109 h 6679475"/>
              <a:gd name="connsiteX10" fmla="*/ 409303 w 3422469"/>
              <a:gd name="connsiteY10" fmla="*/ 1645920 h 6679475"/>
              <a:gd name="connsiteX11" fmla="*/ 574766 w 3422469"/>
              <a:gd name="connsiteY11" fmla="*/ 940526 h 6679475"/>
              <a:gd name="connsiteX12" fmla="*/ 748937 w 3422469"/>
              <a:gd name="connsiteY12" fmla="*/ 357052 h 6679475"/>
              <a:gd name="connsiteX13" fmla="*/ 870857 w 3422469"/>
              <a:gd name="connsiteY13" fmla="*/ 0 h 6679475"/>
              <a:gd name="connsiteX0" fmla="*/ 863871 w 3415483"/>
              <a:gd name="connsiteY0" fmla="*/ 0 h 6679475"/>
              <a:gd name="connsiteX1" fmla="*/ 3415483 w 3415483"/>
              <a:gd name="connsiteY1" fmla="*/ 0 h 6679475"/>
              <a:gd name="connsiteX2" fmla="*/ 3415483 w 3415483"/>
              <a:gd name="connsiteY2" fmla="*/ 6679475 h 6679475"/>
              <a:gd name="connsiteX3" fmla="*/ 123642 w 3415483"/>
              <a:gd name="connsiteY3" fmla="*/ 6675998 h 6679475"/>
              <a:gd name="connsiteX4" fmla="*/ 0 w 3415483"/>
              <a:gd name="connsiteY4" fmla="*/ 5549479 h 6679475"/>
              <a:gd name="connsiteX5" fmla="*/ 52120 w 3415483"/>
              <a:gd name="connsiteY5" fmla="*/ 5064912 h 6679475"/>
              <a:gd name="connsiteX6" fmla="*/ 10431 w 3415483"/>
              <a:gd name="connsiteY6" fmla="*/ 4258492 h 6679475"/>
              <a:gd name="connsiteX7" fmla="*/ 62683 w 3415483"/>
              <a:gd name="connsiteY7" fmla="*/ 3648892 h 6679475"/>
              <a:gd name="connsiteX8" fmla="*/ 123643 w 3415483"/>
              <a:gd name="connsiteY8" fmla="*/ 3117669 h 6679475"/>
              <a:gd name="connsiteX9" fmla="*/ 228145 w 3415483"/>
              <a:gd name="connsiteY9" fmla="*/ 2447109 h 6679475"/>
              <a:gd name="connsiteX10" fmla="*/ 402317 w 3415483"/>
              <a:gd name="connsiteY10" fmla="*/ 1645920 h 6679475"/>
              <a:gd name="connsiteX11" fmla="*/ 567780 w 3415483"/>
              <a:gd name="connsiteY11" fmla="*/ 940526 h 6679475"/>
              <a:gd name="connsiteX12" fmla="*/ 741951 w 3415483"/>
              <a:gd name="connsiteY12" fmla="*/ 357052 h 6679475"/>
              <a:gd name="connsiteX13" fmla="*/ 863871 w 3415483"/>
              <a:gd name="connsiteY13" fmla="*/ 0 h 6679475"/>
              <a:gd name="connsiteX0" fmla="*/ 863871 w 3415483"/>
              <a:gd name="connsiteY0" fmla="*/ 0 h 6679475"/>
              <a:gd name="connsiteX1" fmla="*/ 3415483 w 3415483"/>
              <a:gd name="connsiteY1" fmla="*/ 0 h 6679475"/>
              <a:gd name="connsiteX2" fmla="*/ 3415483 w 3415483"/>
              <a:gd name="connsiteY2" fmla="*/ 6679475 h 6679475"/>
              <a:gd name="connsiteX3" fmla="*/ 123642 w 3415483"/>
              <a:gd name="connsiteY3" fmla="*/ 6675998 h 6679475"/>
              <a:gd name="connsiteX4" fmla="*/ 0 w 3415483"/>
              <a:gd name="connsiteY4" fmla="*/ 5549479 h 6679475"/>
              <a:gd name="connsiteX5" fmla="*/ 3445 w 3415483"/>
              <a:gd name="connsiteY5" fmla="*/ 5044051 h 6679475"/>
              <a:gd name="connsiteX6" fmla="*/ 10431 w 3415483"/>
              <a:gd name="connsiteY6" fmla="*/ 4258492 h 6679475"/>
              <a:gd name="connsiteX7" fmla="*/ 62683 w 3415483"/>
              <a:gd name="connsiteY7" fmla="*/ 3648892 h 6679475"/>
              <a:gd name="connsiteX8" fmla="*/ 123643 w 3415483"/>
              <a:gd name="connsiteY8" fmla="*/ 3117669 h 6679475"/>
              <a:gd name="connsiteX9" fmla="*/ 228145 w 3415483"/>
              <a:gd name="connsiteY9" fmla="*/ 2447109 h 6679475"/>
              <a:gd name="connsiteX10" fmla="*/ 402317 w 3415483"/>
              <a:gd name="connsiteY10" fmla="*/ 1645920 h 6679475"/>
              <a:gd name="connsiteX11" fmla="*/ 567780 w 3415483"/>
              <a:gd name="connsiteY11" fmla="*/ 940526 h 6679475"/>
              <a:gd name="connsiteX12" fmla="*/ 741951 w 3415483"/>
              <a:gd name="connsiteY12" fmla="*/ 357052 h 6679475"/>
              <a:gd name="connsiteX13" fmla="*/ 863871 w 3415483"/>
              <a:gd name="connsiteY13" fmla="*/ 0 h 6679475"/>
              <a:gd name="connsiteX0" fmla="*/ 860455 w 3412067"/>
              <a:gd name="connsiteY0" fmla="*/ 0 h 6679475"/>
              <a:gd name="connsiteX1" fmla="*/ 3412067 w 3412067"/>
              <a:gd name="connsiteY1" fmla="*/ 0 h 6679475"/>
              <a:gd name="connsiteX2" fmla="*/ 3412067 w 3412067"/>
              <a:gd name="connsiteY2" fmla="*/ 6679475 h 6679475"/>
              <a:gd name="connsiteX3" fmla="*/ 120226 w 3412067"/>
              <a:gd name="connsiteY3" fmla="*/ 6675998 h 6679475"/>
              <a:gd name="connsiteX4" fmla="*/ 31352 w 3412067"/>
              <a:gd name="connsiteY4" fmla="*/ 5549479 h 6679475"/>
              <a:gd name="connsiteX5" fmla="*/ 29 w 3412067"/>
              <a:gd name="connsiteY5" fmla="*/ 5044051 h 6679475"/>
              <a:gd name="connsiteX6" fmla="*/ 7015 w 3412067"/>
              <a:gd name="connsiteY6" fmla="*/ 4258492 h 6679475"/>
              <a:gd name="connsiteX7" fmla="*/ 59267 w 3412067"/>
              <a:gd name="connsiteY7" fmla="*/ 3648892 h 6679475"/>
              <a:gd name="connsiteX8" fmla="*/ 120227 w 3412067"/>
              <a:gd name="connsiteY8" fmla="*/ 3117669 h 6679475"/>
              <a:gd name="connsiteX9" fmla="*/ 224729 w 3412067"/>
              <a:gd name="connsiteY9" fmla="*/ 2447109 h 6679475"/>
              <a:gd name="connsiteX10" fmla="*/ 398901 w 3412067"/>
              <a:gd name="connsiteY10" fmla="*/ 1645920 h 6679475"/>
              <a:gd name="connsiteX11" fmla="*/ 564364 w 3412067"/>
              <a:gd name="connsiteY11" fmla="*/ 940526 h 6679475"/>
              <a:gd name="connsiteX12" fmla="*/ 738535 w 3412067"/>
              <a:gd name="connsiteY12" fmla="*/ 357052 h 6679475"/>
              <a:gd name="connsiteX13" fmla="*/ 860455 w 3412067"/>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7084 w 3412136"/>
              <a:gd name="connsiteY6" fmla="*/ 4258492 h 6679475"/>
              <a:gd name="connsiteX7" fmla="*/ 59336 w 3412136"/>
              <a:gd name="connsiteY7" fmla="*/ 3648892 h 6679475"/>
              <a:gd name="connsiteX8" fmla="*/ 120296 w 3412136"/>
              <a:gd name="connsiteY8" fmla="*/ 3117669 h 6679475"/>
              <a:gd name="connsiteX9" fmla="*/ 224798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8492 h 6679475"/>
              <a:gd name="connsiteX7" fmla="*/ 59336 w 3412136"/>
              <a:gd name="connsiteY7" fmla="*/ 3648892 h 6679475"/>
              <a:gd name="connsiteX8" fmla="*/ 120296 w 3412136"/>
              <a:gd name="connsiteY8" fmla="*/ 3117669 h 6679475"/>
              <a:gd name="connsiteX9" fmla="*/ 224798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41853 w 3412136"/>
              <a:gd name="connsiteY6" fmla="*/ 4255015 h 6679475"/>
              <a:gd name="connsiteX7" fmla="*/ 59336 w 3412136"/>
              <a:gd name="connsiteY7" fmla="*/ 3648892 h 6679475"/>
              <a:gd name="connsiteX8" fmla="*/ 120296 w 3412136"/>
              <a:gd name="connsiteY8" fmla="*/ 3117669 h 6679475"/>
              <a:gd name="connsiteX9" fmla="*/ 224798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9336 w 3412136"/>
              <a:gd name="connsiteY7" fmla="*/ 3648892 h 6679475"/>
              <a:gd name="connsiteX8" fmla="*/ 120296 w 3412136"/>
              <a:gd name="connsiteY8" fmla="*/ 3117669 h 6679475"/>
              <a:gd name="connsiteX9" fmla="*/ 224798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121919 w 3412136"/>
              <a:gd name="connsiteY7" fmla="*/ 3648892 h 6679475"/>
              <a:gd name="connsiteX8" fmla="*/ 120296 w 3412136"/>
              <a:gd name="connsiteY8" fmla="*/ 3117669 h 6679475"/>
              <a:gd name="connsiteX9" fmla="*/ 224798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0296 w 3412136"/>
              <a:gd name="connsiteY8" fmla="*/ 3117669 h 6679475"/>
              <a:gd name="connsiteX9" fmla="*/ 224798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24798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24798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42182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322148 w 3412136"/>
              <a:gd name="connsiteY9" fmla="*/ 2447109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35228 w 3412136"/>
              <a:gd name="connsiteY9" fmla="*/ 2433202 h 6679475"/>
              <a:gd name="connsiteX10" fmla="*/ 398970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35228 w 3412136"/>
              <a:gd name="connsiteY9" fmla="*/ 2433202 h 6679475"/>
              <a:gd name="connsiteX10" fmla="*/ 461553 w 3412136"/>
              <a:gd name="connsiteY10" fmla="*/ 1645920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35228 w 3412136"/>
              <a:gd name="connsiteY9" fmla="*/ 2433202 h 6679475"/>
              <a:gd name="connsiteX10" fmla="*/ 402447 w 3412136"/>
              <a:gd name="connsiteY10" fmla="*/ 1628536 h 6679475"/>
              <a:gd name="connsiteX11" fmla="*/ 564433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35228 w 3412136"/>
              <a:gd name="connsiteY9" fmla="*/ 2433202 h 6679475"/>
              <a:gd name="connsiteX10" fmla="*/ 402447 w 3412136"/>
              <a:gd name="connsiteY10" fmla="*/ 1628536 h 6679475"/>
              <a:gd name="connsiteX11" fmla="*/ 588770 w 3412136"/>
              <a:gd name="connsiteY11" fmla="*/ 940526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35228 w 3412136"/>
              <a:gd name="connsiteY9" fmla="*/ 2433202 h 6679475"/>
              <a:gd name="connsiteX10" fmla="*/ 402447 w 3412136"/>
              <a:gd name="connsiteY10" fmla="*/ 1628536 h 6679475"/>
              <a:gd name="connsiteX11" fmla="*/ 675690 w 3412136"/>
              <a:gd name="connsiteY11" fmla="*/ 944003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35228 w 3412136"/>
              <a:gd name="connsiteY9" fmla="*/ 2433202 h 6679475"/>
              <a:gd name="connsiteX10" fmla="*/ 402447 w 3412136"/>
              <a:gd name="connsiteY10" fmla="*/ 1628536 h 6679475"/>
              <a:gd name="connsiteX11" fmla="*/ 581816 w 3412136"/>
              <a:gd name="connsiteY11" fmla="*/ 902281 h 6679475"/>
              <a:gd name="connsiteX12" fmla="*/ 738604 w 3412136"/>
              <a:gd name="connsiteY12" fmla="*/ 357052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35228 w 3412136"/>
              <a:gd name="connsiteY9" fmla="*/ 2433202 h 6679475"/>
              <a:gd name="connsiteX10" fmla="*/ 402447 w 3412136"/>
              <a:gd name="connsiteY10" fmla="*/ 1628536 h 6679475"/>
              <a:gd name="connsiteX11" fmla="*/ 581816 w 3412136"/>
              <a:gd name="connsiteY11" fmla="*/ 902281 h 6679475"/>
              <a:gd name="connsiteX12" fmla="*/ 804664 w 3412136"/>
              <a:gd name="connsiteY12" fmla="*/ 395297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35228 w 3412136"/>
              <a:gd name="connsiteY9" fmla="*/ 2433202 h 6679475"/>
              <a:gd name="connsiteX10" fmla="*/ 402447 w 3412136"/>
              <a:gd name="connsiteY10" fmla="*/ 1628536 h 6679475"/>
              <a:gd name="connsiteX11" fmla="*/ 581816 w 3412136"/>
              <a:gd name="connsiteY11" fmla="*/ 902281 h 6679475"/>
              <a:gd name="connsiteX12" fmla="*/ 749035 w 3412136"/>
              <a:gd name="connsiteY12" fmla="*/ 350098 h 6679475"/>
              <a:gd name="connsiteX13" fmla="*/ 860524 w 3412136"/>
              <a:gd name="connsiteY13" fmla="*/ 0 h 6679475"/>
              <a:gd name="connsiteX0" fmla="*/ 860524 w 3412136"/>
              <a:gd name="connsiteY0" fmla="*/ 0 h 6679475"/>
              <a:gd name="connsiteX1" fmla="*/ 3412136 w 3412136"/>
              <a:gd name="connsiteY1" fmla="*/ 0 h 6679475"/>
              <a:gd name="connsiteX2" fmla="*/ 3412136 w 3412136"/>
              <a:gd name="connsiteY2" fmla="*/ 6679475 h 6679475"/>
              <a:gd name="connsiteX3" fmla="*/ 120295 w 3412136"/>
              <a:gd name="connsiteY3" fmla="*/ 6675998 h 6679475"/>
              <a:gd name="connsiteX4" fmla="*/ 7083 w 3412136"/>
              <a:gd name="connsiteY4" fmla="*/ 5549479 h 6679475"/>
              <a:gd name="connsiteX5" fmla="*/ 98 w 3412136"/>
              <a:gd name="connsiteY5" fmla="*/ 5044051 h 6679475"/>
              <a:gd name="connsiteX6" fmla="*/ 17515 w 3412136"/>
              <a:gd name="connsiteY6" fmla="*/ 4251538 h 6679475"/>
              <a:gd name="connsiteX7" fmla="*/ 55859 w 3412136"/>
              <a:gd name="connsiteY7" fmla="*/ 3648892 h 6679475"/>
              <a:gd name="connsiteX8" fmla="*/ 127250 w 3412136"/>
              <a:gd name="connsiteY8" fmla="*/ 3110715 h 6679475"/>
              <a:gd name="connsiteX9" fmla="*/ 235228 w 3412136"/>
              <a:gd name="connsiteY9" fmla="*/ 2433202 h 6679475"/>
              <a:gd name="connsiteX10" fmla="*/ 402447 w 3412136"/>
              <a:gd name="connsiteY10" fmla="*/ 1628536 h 6679475"/>
              <a:gd name="connsiteX11" fmla="*/ 588769 w 3412136"/>
              <a:gd name="connsiteY11" fmla="*/ 905758 h 6679475"/>
              <a:gd name="connsiteX12" fmla="*/ 749035 w 3412136"/>
              <a:gd name="connsiteY12" fmla="*/ 350098 h 6679475"/>
              <a:gd name="connsiteX13" fmla="*/ 860524 w 3412136"/>
              <a:gd name="connsiteY13" fmla="*/ 0 h 6679475"/>
              <a:gd name="connsiteX0" fmla="*/ 860524 w 3412136"/>
              <a:gd name="connsiteY0" fmla="*/ 5839 h 6685314"/>
              <a:gd name="connsiteX1" fmla="*/ 2305604 w 3412136"/>
              <a:gd name="connsiteY1" fmla="*/ 0 h 6685314"/>
              <a:gd name="connsiteX2" fmla="*/ 3412136 w 3412136"/>
              <a:gd name="connsiteY2" fmla="*/ 6685314 h 6685314"/>
              <a:gd name="connsiteX3" fmla="*/ 120295 w 3412136"/>
              <a:gd name="connsiteY3" fmla="*/ 6681837 h 6685314"/>
              <a:gd name="connsiteX4" fmla="*/ 7083 w 3412136"/>
              <a:gd name="connsiteY4" fmla="*/ 5555318 h 6685314"/>
              <a:gd name="connsiteX5" fmla="*/ 98 w 3412136"/>
              <a:gd name="connsiteY5" fmla="*/ 5049890 h 6685314"/>
              <a:gd name="connsiteX6" fmla="*/ 17515 w 3412136"/>
              <a:gd name="connsiteY6" fmla="*/ 4257377 h 6685314"/>
              <a:gd name="connsiteX7" fmla="*/ 55859 w 3412136"/>
              <a:gd name="connsiteY7" fmla="*/ 3654731 h 6685314"/>
              <a:gd name="connsiteX8" fmla="*/ 127250 w 3412136"/>
              <a:gd name="connsiteY8" fmla="*/ 3116554 h 6685314"/>
              <a:gd name="connsiteX9" fmla="*/ 235228 w 3412136"/>
              <a:gd name="connsiteY9" fmla="*/ 2439041 h 6685314"/>
              <a:gd name="connsiteX10" fmla="*/ 402447 w 3412136"/>
              <a:gd name="connsiteY10" fmla="*/ 1634375 h 6685314"/>
              <a:gd name="connsiteX11" fmla="*/ 588769 w 3412136"/>
              <a:gd name="connsiteY11" fmla="*/ 911597 h 6685314"/>
              <a:gd name="connsiteX12" fmla="*/ 749035 w 3412136"/>
              <a:gd name="connsiteY12" fmla="*/ 355937 h 6685314"/>
              <a:gd name="connsiteX13" fmla="*/ 860524 w 3412136"/>
              <a:gd name="connsiteY13" fmla="*/ 5839 h 6685314"/>
              <a:gd name="connsiteX0" fmla="*/ 860524 w 2346478"/>
              <a:gd name="connsiteY0" fmla="*/ 5839 h 6681837"/>
              <a:gd name="connsiteX1" fmla="*/ 2305604 w 2346478"/>
              <a:gd name="connsiteY1" fmla="*/ 0 h 6681837"/>
              <a:gd name="connsiteX2" fmla="*/ 2346478 w 2346478"/>
              <a:gd name="connsiteY2" fmla="*/ 6676556 h 6681837"/>
              <a:gd name="connsiteX3" fmla="*/ 120295 w 2346478"/>
              <a:gd name="connsiteY3" fmla="*/ 6681837 h 6681837"/>
              <a:gd name="connsiteX4" fmla="*/ 7083 w 2346478"/>
              <a:gd name="connsiteY4" fmla="*/ 5555318 h 6681837"/>
              <a:gd name="connsiteX5" fmla="*/ 98 w 2346478"/>
              <a:gd name="connsiteY5" fmla="*/ 5049890 h 6681837"/>
              <a:gd name="connsiteX6" fmla="*/ 17515 w 2346478"/>
              <a:gd name="connsiteY6" fmla="*/ 4257377 h 6681837"/>
              <a:gd name="connsiteX7" fmla="*/ 55859 w 2346478"/>
              <a:gd name="connsiteY7" fmla="*/ 3654731 h 6681837"/>
              <a:gd name="connsiteX8" fmla="*/ 127250 w 2346478"/>
              <a:gd name="connsiteY8" fmla="*/ 3116554 h 6681837"/>
              <a:gd name="connsiteX9" fmla="*/ 235228 w 2346478"/>
              <a:gd name="connsiteY9" fmla="*/ 2439041 h 6681837"/>
              <a:gd name="connsiteX10" fmla="*/ 402447 w 2346478"/>
              <a:gd name="connsiteY10" fmla="*/ 1634375 h 6681837"/>
              <a:gd name="connsiteX11" fmla="*/ 588769 w 2346478"/>
              <a:gd name="connsiteY11" fmla="*/ 911597 h 6681837"/>
              <a:gd name="connsiteX12" fmla="*/ 749035 w 2346478"/>
              <a:gd name="connsiteY12" fmla="*/ 355937 h 6681837"/>
              <a:gd name="connsiteX13" fmla="*/ 860524 w 2346478"/>
              <a:gd name="connsiteY13" fmla="*/ 5839 h 6681837"/>
              <a:gd name="connsiteX0" fmla="*/ 860524 w 2352317"/>
              <a:gd name="connsiteY0" fmla="*/ 5839 h 6681837"/>
              <a:gd name="connsiteX1" fmla="*/ 2305604 w 2352317"/>
              <a:gd name="connsiteY1" fmla="*/ 0 h 6681837"/>
              <a:gd name="connsiteX2" fmla="*/ 2352317 w 2352317"/>
              <a:gd name="connsiteY2" fmla="*/ 6676557 h 6681837"/>
              <a:gd name="connsiteX3" fmla="*/ 120295 w 2352317"/>
              <a:gd name="connsiteY3" fmla="*/ 6681837 h 6681837"/>
              <a:gd name="connsiteX4" fmla="*/ 7083 w 2352317"/>
              <a:gd name="connsiteY4" fmla="*/ 5555318 h 6681837"/>
              <a:gd name="connsiteX5" fmla="*/ 98 w 2352317"/>
              <a:gd name="connsiteY5" fmla="*/ 5049890 h 6681837"/>
              <a:gd name="connsiteX6" fmla="*/ 17515 w 2352317"/>
              <a:gd name="connsiteY6" fmla="*/ 4257377 h 6681837"/>
              <a:gd name="connsiteX7" fmla="*/ 55859 w 2352317"/>
              <a:gd name="connsiteY7" fmla="*/ 3654731 h 6681837"/>
              <a:gd name="connsiteX8" fmla="*/ 127250 w 2352317"/>
              <a:gd name="connsiteY8" fmla="*/ 3116554 h 6681837"/>
              <a:gd name="connsiteX9" fmla="*/ 235228 w 2352317"/>
              <a:gd name="connsiteY9" fmla="*/ 2439041 h 6681837"/>
              <a:gd name="connsiteX10" fmla="*/ 402447 w 2352317"/>
              <a:gd name="connsiteY10" fmla="*/ 1634375 h 6681837"/>
              <a:gd name="connsiteX11" fmla="*/ 588769 w 2352317"/>
              <a:gd name="connsiteY11" fmla="*/ 911597 h 6681837"/>
              <a:gd name="connsiteX12" fmla="*/ 749035 w 2352317"/>
              <a:gd name="connsiteY12" fmla="*/ 355937 h 6681837"/>
              <a:gd name="connsiteX13" fmla="*/ 860524 w 2352317"/>
              <a:gd name="connsiteY13" fmla="*/ 5839 h 6681837"/>
              <a:gd name="connsiteX0" fmla="*/ 860524 w 2352317"/>
              <a:gd name="connsiteY0" fmla="*/ 5839 h 6685316"/>
              <a:gd name="connsiteX1" fmla="*/ 2305604 w 2352317"/>
              <a:gd name="connsiteY1" fmla="*/ 0 h 6685316"/>
              <a:gd name="connsiteX2" fmla="*/ 2352317 w 2352317"/>
              <a:gd name="connsiteY2" fmla="*/ 6685316 h 6685316"/>
              <a:gd name="connsiteX3" fmla="*/ 120295 w 2352317"/>
              <a:gd name="connsiteY3" fmla="*/ 6681837 h 6685316"/>
              <a:gd name="connsiteX4" fmla="*/ 7083 w 2352317"/>
              <a:gd name="connsiteY4" fmla="*/ 5555318 h 6685316"/>
              <a:gd name="connsiteX5" fmla="*/ 98 w 2352317"/>
              <a:gd name="connsiteY5" fmla="*/ 5049890 h 6685316"/>
              <a:gd name="connsiteX6" fmla="*/ 17515 w 2352317"/>
              <a:gd name="connsiteY6" fmla="*/ 4257377 h 6685316"/>
              <a:gd name="connsiteX7" fmla="*/ 55859 w 2352317"/>
              <a:gd name="connsiteY7" fmla="*/ 3654731 h 6685316"/>
              <a:gd name="connsiteX8" fmla="*/ 127250 w 2352317"/>
              <a:gd name="connsiteY8" fmla="*/ 3116554 h 6685316"/>
              <a:gd name="connsiteX9" fmla="*/ 235228 w 2352317"/>
              <a:gd name="connsiteY9" fmla="*/ 2439041 h 6685316"/>
              <a:gd name="connsiteX10" fmla="*/ 402447 w 2352317"/>
              <a:gd name="connsiteY10" fmla="*/ 1634375 h 6685316"/>
              <a:gd name="connsiteX11" fmla="*/ 588769 w 2352317"/>
              <a:gd name="connsiteY11" fmla="*/ 911597 h 6685316"/>
              <a:gd name="connsiteX12" fmla="*/ 749035 w 2352317"/>
              <a:gd name="connsiteY12" fmla="*/ 355937 h 6685316"/>
              <a:gd name="connsiteX13" fmla="*/ 860524 w 2352317"/>
              <a:gd name="connsiteY13" fmla="*/ 5839 h 6685316"/>
              <a:gd name="connsiteX0" fmla="*/ 860524 w 2352317"/>
              <a:gd name="connsiteY0" fmla="*/ 5839 h 6685316"/>
              <a:gd name="connsiteX1" fmla="*/ 2326042 w 2352317"/>
              <a:gd name="connsiteY1" fmla="*/ 0 h 6685316"/>
              <a:gd name="connsiteX2" fmla="*/ 2352317 w 2352317"/>
              <a:gd name="connsiteY2" fmla="*/ 6685316 h 6685316"/>
              <a:gd name="connsiteX3" fmla="*/ 120295 w 2352317"/>
              <a:gd name="connsiteY3" fmla="*/ 6681837 h 6685316"/>
              <a:gd name="connsiteX4" fmla="*/ 7083 w 2352317"/>
              <a:gd name="connsiteY4" fmla="*/ 5555318 h 6685316"/>
              <a:gd name="connsiteX5" fmla="*/ 98 w 2352317"/>
              <a:gd name="connsiteY5" fmla="*/ 5049890 h 6685316"/>
              <a:gd name="connsiteX6" fmla="*/ 17515 w 2352317"/>
              <a:gd name="connsiteY6" fmla="*/ 4257377 h 6685316"/>
              <a:gd name="connsiteX7" fmla="*/ 55859 w 2352317"/>
              <a:gd name="connsiteY7" fmla="*/ 3654731 h 6685316"/>
              <a:gd name="connsiteX8" fmla="*/ 127250 w 2352317"/>
              <a:gd name="connsiteY8" fmla="*/ 3116554 h 6685316"/>
              <a:gd name="connsiteX9" fmla="*/ 235228 w 2352317"/>
              <a:gd name="connsiteY9" fmla="*/ 2439041 h 6685316"/>
              <a:gd name="connsiteX10" fmla="*/ 402447 w 2352317"/>
              <a:gd name="connsiteY10" fmla="*/ 1634375 h 6685316"/>
              <a:gd name="connsiteX11" fmla="*/ 588769 w 2352317"/>
              <a:gd name="connsiteY11" fmla="*/ 911597 h 6685316"/>
              <a:gd name="connsiteX12" fmla="*/ 749035 w 2352317"/>
              <a:gd name="connsiteY12" fmla="*/ 355937 h 6685316"/>
              <a:gd name="connsiteX13" fmla="*/ 860524 w 2352317"/>
              <a:gd name="connsiteY13" fmla="*/ 5839 h 6685316"/>
              <a:gd name="connsiteX0" fmla="*/ 860524 w 2352317"/>
              <a:gd name="connsiteY0" fmla="*/ 0 h 6679477"/>
              <a:gd name="connsiteX1" fmla="*/ 2337720 w 2352317"/>
              <a:gd name="connsiteY1" fmla="*/ 2919 h 6679477"/>
              <a:gd name="connsiteX2" fmla="*/ 2352317 w 2352317"/>
              <a:gd name="connsiteY2" fmla="*/ 6679477 h 6679477"/>
              <a:gd name="connsiteX3" fmla="*/ 120295 w 2352317"/>
              <a:gd name="connsiteY3" fmla="*/ 6675998 h 6679477"/>
              <a:gd name="connsiteX4" fmla="*/ 7083 w 2352317"/>
              <a:gd name="connsiteY4" fmla="*/ 5549479 h 6679477"/>
              <a:gd name="connsiteX5" fmla="*/ 98 w 2352317"/>
              <a:gd name="connsiteY5" fmla="*/ 5044051 h 6679477"/>
              <a:gd name="connsiteX6" fmla="*/ 17515 w 2352317"/>
              <a:gd name="connsiteY6" fmla="*/ 4251538 h 6679477"/>
              <a:gd name="connsiteX7" fmla="*/ 55859 w 2352317"/>
              <a:gd name="connsiteY7" fmla="*/ 3648892 h 6679477"/>
              <a:gd name="connsiteX8" fmla="*/ 127250 w 2352317"/>
              <a:gd name="connsiteY8" fmla="*/ 3110715 h 6679477"/>
              <a:gd name="connsiteX9" fmla="*/ 235228 w 2352317"/>
              <a:gd name="connsiteY9" fmla="*/ 2433202 h 6679477"/>
              <a:gd name="connsiteX10" fmla="*/ 402447 w 2352317"/>
              <a:gd name="connsiteY10" fmla="*/ 1628536 h 6679477"/>
              <a:gd name="connsiteX11" fmla="*/ 588769 w 2352317"/>
              <a:gd name="connsiteY11" fmla="*/ 905758 h 6679477"/>
              <a:gd name="connsiteX12" fmla="*/ 749035 w 2352317"/>
              <a:gd name="connsiteY12" fmla="*/ 350098 h 6679477"/>
              <a:gd name="connsiteX13" fmla="*/ 860524 w 2352317"/>
              <a:gd name="connsiteY13" fmla="*/ 0 h 6679477"/>
              <a:gd name="connsiteX0" fmla="*/ 860524 w 2352317"/>
              <a:gd name="connsiteY0" fmla="*/ 0 h 6679477"/>
              <a:gd name="connsiteX1" fmla="*/ 2337720 w 2352317"/>
              <a:gd name="connsiteY1" fmla="*/ 5839 h 6679477"/>
              <a:gd name="connsiteX2" fmla="*/ 2352317 w 2352317"/>
              <a:gd name="connsiteY2" fmla="*/ 6679477 h 6679477"/>
              <a:gd name="connsiteX3" fmla="*/ 120295 w 2352317"/>
              <a:gd name="connsiteY3" fmla="*/ 6675998 h 6679477"/>
              <a:gd name="connsiteX4" fmla="*/ 7083 w 2352317"/>
              <a:gd name="connsiteY4" fmla="*/ 5549479 h 6679477"/>
              <a:gd name="connsiteX5" fmla="*/ 98 w 2352317"/>
              <a:gd name="connsiteY5" fmla="*/ 5044051 h 6679477"/>
              <a:gd name="connsiteX6" fmla="*/ 17515 w 2352317"/>
              <a:gd name="connsiteY6" fmla="*/ 4251538 h 6679477"/>
              <a:gd name="connsiteX7" fmla="*/ 55859 w 2352317"/>
              <a:gd name="connsiteY7" fmla="*/ 3648892 h 6679477"/>
              <a:gd name="connsiteX8" fmla="*/ 127250 w 2352317"/>
              <a:gd name="connsiteY8" fmla="*/ 3110715 h 6679477"/>
              <a:gd name="connsiteX9" fmla="*/ 235228 w 2352317"/>
              <a:gd name="connsiteY9" fmla="*/ 2433202 h 6679477"/>
              <a:gd name="connsiteX10" fmla="*/ 402447 w 2352317"/>
              <a:gd name="connsiteY10" fmla="*/ 1628536 h 6679477"/>
              <a:gd name="connsiteX11" fmla="*/ 588769 w 2352317"/>
              <a:gd name="connsiteY11" fmla="*/ 905758 h 6679477"/>
              <a:gd name="connsiteX12" fmla="*/ 749035 w 2352317"/>
              <a:gd name="connsiteY12" fmla="*/ 350098 h 6679477"/>
              <a:gd name="connsiteX13" fmla="*/ 860524 w 2352317"/>
              <a:gd name="connsiteY13" fmla="*/ 0 h 6679477"/>
              <a:gd name="connsiteX0" fmla="*/ 860524 w 2352317"/>
              <a:gd name="connsiteY0" fmla="*/ 0 h 6679477"/>
              <a:gd name="connsiteX1" fmla="*/ 2337720 w 2352317"/>
              <a:gd name="connsiteY1" fmla="*/ 2919 h 6679477"/>
              <a:gd name="connsiteX2" fmla="*/ 2352317 w 2352317"/>
              <a:gd name="connsiteY2" fmla="*/ 6679477 h 6679477"/>
              <a:gd name="connsiteX3" fmla="*/ 120295 w 2352317"/>
              <a:gd name="connsiteY3" fmla="*/ 6675998 h 6679477"/>
              <a:gd name="connsiteX4" fmla="*/ 7083 w 2352317"/>
              <a:gd name="connsiteY4" fmla="*/ 5549479 h 6679477"/>
              <a:gd name="connsiteX5" fmla="*/ 98 w 2352317"/>
              <a:gd name="connsiteY5" fmla="*/ 5044051 h 6679477"/>
              <a:gd name="connsiteX6" fmla="*/ 17515 w 2352317"/>
              <a:gd name="connsiteY6" fmla="*/ 4251538 h 6679477"/>
              <a:gd name="connsiteX7" fmla="*/ 55859 w 2352317"/>
              <a:gd name="connsiteY7" fmla="*/ 3648892 h 6679477"/>
              <a:gd name="connsiteX8" fmla="*/ 127250 w 2352317"/>
              <a:gd name="connsiteY8" fmla="*/ 3110715 h 6679477"/>
              <a:gd name="connsiteX9" fmla="*/ 235228 w 2352317"/>
              <a:gd name="connsiteY9" fmla="*/ 2433202 h 6679477"/>
              <a:gd name="connsiteX10" fmla="*/ 402447 w 2352317"/>
              <a:gd name="connsiteY10" fmla="*/ 1628536 h 6679477"/>
              <a:gd name="connsiteX11" fmla="*/ 588769 w 2352317"/>
              <a:gd name="connsiteY11" fmla="*/ 905758 h 6679477"/>
              <a:gd name="connsiteX12" fmla="*/ 749035 w 2352317"/>
              <a:gd name="connsiteY12" fmla="*/ 350098 h 6679477"/>
              <a:gd name="connsiteX13" fmla="*/ 860524 w 2352317"/>
              <a:gd name="connsiteY13" fmla="*/ 0 h 6679477"/>
              <a:gd name="connsiteX0" fmla="*/ 860524 w 2349397"/>
              <a:gd name="connsiteY0" fmla="*/ 0 h 6676557"/>
              <a:gd name="connsiteX1" fmla="*/ 2337720 w 2349397"/>
              <a:gd name="connsiteY1" fmla="*/ 2919 h 6676557"/>
              <a:gd name="connsiteX2" fmla="*/ 2349397 w 2349397"/>
              <a:gd name="connsiteY2" fmla="*/ 6676557 h 6676557"/>
              <a:gd name="connsiteX3" fmla="*/ 120295 w 2349397"/>
              <a:gd name="connsiteY3" fmla="*/ 6675998 h 6676557"/>
              <a:gd name="connsiteX4" fmla="*/ 7083 w 2349397"/>
              <a:gd name="connsiteY4" fmla="*/ 5549479 h 6676557"/>
              <a:gd name="connsiteX5" fmla="*/ 98 w 2349397"/>
              <a:gd name="connsiteY5" fmla="*/ 5044051 h 6676557"/>
              <a:gd name="connsiteX6" fmla="*/ 17515 w 2349397"/>
              <a:gd name="connsiteY6" fmla="*/ 4251538 h 6676557"/>
              <a:gd name="connsiteX7" fmla="*/ 55859 w 2349397"/>
              <a:gd name="connsiteY7" fmla="*/ 3648892 h 6676557"/>
              <a:gd name="connsiteX8" fmla="*/ 127250 w 2349397"/>
              <a:gd name="connsiteY8" fmla="*/ 3110715 h 6676557"/>
              <a:gd name="connsiteX9" fmla="*/ 235228 w 2349397"/>
              <a:gd name="connsiteY9" fmla="*/ 2433202 h 6676557"/>
              <a:gd name="connsiteX10" fmla="*/ 402447 w 2349397"/>
              <a:gd name="connsiteY10" fmla="*/ 1628536 h 6676557"/>
              <a:gd name="connsiteX11" fmla="*/ 588769 w 2349397"/>
              <a:gd name="connsiteY11" fmla="*/ 905758 h 6676557"/>
              <a:gd name="connsiteX12" fmla="*/ 749035 w 2349397"/>
              <a:gd name="connsiteY12" fmla="*/ 350098 h 6676557"/>
              <a:gd name="connsiteX13" fmla="*/ 860524 w 2349397"/>
              <a:gd name="connsiteY13" fmla="*/ 0 h 6676557"/>
              <a:gd name="connsiteX0" fmla="*/ 860524 w 2349397"/>
              <a:gd name="connsiteY0" fmla="*/ 0 h 6676557"/>
              <a:gd name="connsiteX1" fmla="*/ 2337720 w 2349397"/>
              <a:gd name="connsiteY1" fmla="*/ 2919 h 6676557"/>
              <a:gd name="connsiteX2" fmla="*/ 2349397 w 2349397"/>
              <a:gd name="connsiteY2" fmla="*/ 6676557 h 6676557"/>
              <a:gd name="connsiteX3" fmla="*/ 120295 w 2349397"/>
              <a:gd name="connsiteY3" fmla="*/ 6675998 h 6676557"/>
              <a:gd name="connsiteX4" fmla="*/ 7083 w 2349397"/>
              <a:gd name="connsiteY4" fmla="*/ 5549479 h 6676557"/>
              <a:gd name="connsiteX5" fmla="*/ 98 w 2349397"/>
              <a:gd name="connsiteY5" fmla="*/ 5044051 h 6676557"/>
              <a:gd name="connsiteX6" fmla="*/ 17515 w 2349397"/>
              <a:gd name="connsiteY6" fmla="*/ 4251538 h 6676557"/>
              <a:gd name="connsiteX7" fmla="*/ 55859 w 2349397"/>
              <a:gd name="connsiteY7" fmla="*/ 3648892 h 6676557"/>
              <a:gd name="connsiteX8" fmla="*/ 127250 w 2349397"/>
              <a:gd name="connsiteY8" fmla="*/ 3110715 h 6676557"/>
              <a:gd name="connsiteX9" fmla="*/ 235228 w 2349397"/>
              <a:gd name="connsiteY9" fmla="*/ 2433202 h 6676557"/>
              <a:gd name="connsiteX10" fmla="*/ 402447 w 2349397"/>
              <a:gd name="connsiteY10" fmla="*/ 1628536 h 6676557"/>
              <a:gd name="connsiteX11" fmla="*/ 588769 w 2349397"/>
              <a:gd name="connsiteY11" fmla="*/ 905758 h 6676557"/>
              <a:gd name="connsiteX12" fmla="*/ 749035 w 2349397"/>
              <a:gd name="connsiteY12" fmla="*/ 350098 h 6676557"/>
              <a:gd name="connsiteX13" fmla="*/ 860524 w 2349397"/>
              <a:gd name="connsiteY13" fmla="*/ 0 h 6676557"/>
              <a:gd name="connsiteX0" fmla="*/ 860524 w 2349397"/>
              <a:gd name="connsiteY0" fmla="*/ 0 h 6681423"/>
              <a:gd name="connsiteX1" fmla="*/ 2337720 w 2349397"/>
              <a:gd name="connsiteY1" fmla="*/ 2919 h 6681423"/>
              <a:gd name="connsiteX2" fmla="*/ 2349397 w 2349397"/>
              <a:gd name="connsiteY2" fmla="*/ 6681423 h 6681423"/>
              <a:gd name="connsiteX3" fmla="*/ 120295 w 2349397"/>
              <a:gd name="connsiteY3" fmla="*/ 6675998 h 6681423"/>
              <a:gd name="connsiteX4" fmla="*/ 7083 w 2349397"/>
              <a:gd name="connsiteY4" fmla="*/ 5549479 h 6681423"/>
              <a:gd name="connsiteX5" fmla="*/ 98 w 2349397"/>
              <a:gd name="connsiteY5" fmla="*/ 5044051 h 6681423"/>
              <a:gd name="connsiteX6" fmla="*/ 17515 w 2349397"/>
              <a:gd name="connsiteY6" fmla="*/ 4251538 h 6681423"/>
              <a:gd name="connsiteX7" fmla="*/ 55859 w 2349397"/>
              <a:gd name="connsiteY7" fmla="*/ 3648892 h 6681423"/>
              <a:gd name="connsiteX8" fmla="*/ 127250 w 2349397"/>
              <a:gd name="connsiteY8" fmla="*/ 3110715 h 6681423"/>
              <a:gd name="connsiteX9" fmla="*/ 235228 w 2349397"/>
              <a:gd name="connsiteY9" fmla="*/ 2433202 h 6681423"/>
              <a:gd name="connsiteX10" fmla="*/ 402447 w 2349397"/>
              <a:gd name="connsiteY10" fmla="*/ 1628536 h 6681423"/>
              <a:gd name="connsiteX11" fmla="*/ 588769 w 2349397"/>
              <a:gd name="connsiteY11" fmla="*/ 905758 h 6681423"/>
              <a:gd name="connsiteX12" fmla="*/ 749035 w 2349397"/>
              <a:gd name="connsiteY12" fmla="*/ 350098 h 6681423"/>
              <a:gd name="connsiteX13" fmla="*/ 860524 w 2349397"/>
              <a:gd name="connsiteY13" fmla="*/ 0 h 6681423"/>
              <a:gd name="connsiteX0" fmla="*/ 860524 w 2344530"/>
              <a:gd name="connsiteY0" fmla="*/ 0 h 6700887"/>
              <a:gd name="connsiteX1" fmla="*/ 2337720 w 2344530"/>
              <a:gd name="connsiteY1" fmla="*/ 2919 h 6700887"/>
              <a:gd name="connsiteX2" fmla="*/ 2344530 w 2344530"/>
              <a:gd name="connsiteY2" fmla="*/ 6700887 h 6700887"/>
              <a:gd name="connsiteX3" fmla="*/ 120295 w 2344530"/>
              <a:gd name="connsiteY3" fmla="*/ 6675998 h 6700887"/>
              <a:gd name="connsiteX4" fmla="*/ 7083 w 2344530"/>
              <a:gd name="connsiteY4" fmla="*/ 5549479 h 6700887"/>
              <a:gd name="connsiteX5" fmla="*/ 98 w 2344530"/>
              <a:gd name="connsiteY5" fmla="*/ 5044051 h 6700887"/>
              <a:gd name="connsiteX6" fmla="*/ 17515 w 2344530"/>
              <a:gd name="connsiteY6" fmla="*/ 4251538 h 6700887"/>
              <a:gd name="connsiteX7" fmla="*/ 55859 w 2344530"/>
              <a:gd name="connsiteY7" fmla="*/ 3648892 h 6700887"/>
              <a:gd name="connsiteX8" fmla="*/ 127250 w 2344530"/>
              <a:gd name="connsiteY8" fmla="*/ 3110715 h 6700887"/>
              <a:gd name="connsiteX9" fmla="*/ 235228 w 2344530"/>
              <a:gd name="connsiteY9" fmla="*/ 2433202 h 6700887"/>
              <a:gd name="connsiteX10" fmla="*/ 402447 w 2344530"/>
              <a:gd name="connsiteY10" fmla="*/ 1628536 h 6700887"/>
              <a:gd name="connsiteX11" fmla="*/ 588769 w 2344530"/>
              <a:gd name="connsiteY11" fmla="*/ 905758 h 6700887"/>
              <a:gd name="connsiteX12" fmla="*/ 749035 w 2344530"/>
              <a:gd name="connsiteY12" fmla="*/ 350098 h 6700887"/>
              <a:gd name="connsiteX13" fmla="*/ 860524 w 2344530"/>
              <a:gd name="connsiteY13" fmla="*/ 0 h 6700887"/>
              <a:gd name="connsiteX0" fmla="*/ 860524 w 2338044"/>
              <a:gd name="connsiteY0" fmla="*/ 0 h 6681423"/>
              <a:gd name="connsiteX1" fmla="*/ 2337720 w 2338044"/>
              <a:gd name="connsiteY1" fmla="*/ 2919 h 6681423"/>
              <a:gd name="connsiteX2" fmla="*/ 2295870 w 2338044"/>
              <a:gd name="connsiteY2" fmla="*/ 6681423 h 6681423"/>
              <a:gd name="connsiteX3" fmla="*/ 120295 w 2338044"/>
              <a:gd name="connsiteY3" fmla="*/ 6675998 h 6681423"/>
              <a:gd name="connsiteX4" fmla="*/ 7083 w 2338044"/>
              <a:gd name="connsiteY4" fmla="*/ 5549479 h 6681423"/>
              <a:gd name="connsiteX5" fmla="*/ 98 w 2338044"/>
              <a:gd name="connsiteY5" fmla="*/ 5044051 h 6681423"/>
              <a:gd name="connsiteX6" fmla="*/ 17515 w 2338044"/>
              <a:gd name="connsiteY6" fmla="*/ 4251538 h 6681423"/>
              <a:gd name="connsiteX7" fmla="*/ 55859 w 2338044"/>
              <a:gd name="connsiteY7" fmla="*/ 3648892 h 6681423"/>
              <a:gd name="connsiteX8" fmla="*/ 127250 w 2338044"/>
              <a:gd name="connsiteY8" fmla="*/ 3110715 h 6681423"/>
              <a:gd name="connsiteX9" fmla="*/ 235228 w 2338044"/>
              <a:gd name="connsiteY9" fmla="*/ 2433202 h 6681423"/>
              <a:gd name="connsiteX10" fmla="*/ 402447 w 2338044"/>
              <a:gd name="connsiteY10" fmla="*/ 1628536 h 6681423"/>
              <a:gd name="connsiteX11" fmla="*/ 588769 w 2338044"/>
              <a:gd name="connsiteY11" fmla="*/ 905758 h 6681423"/>
              <a:gd name="connsiteX12" fmla="*/ 749035 w 2338044"/>
              <a:gd name="connsiteY12" fmla="*/ 350098 h 6681423"/>
              <a:gd name="connsiteX13" fmla="*/ 860524 w 2338044"/>
              <a:gd name="connsiteY13" fmla="*/ 0 h 6681423"/>
              <a:gd name="connsiteX0" fmla="*/ 860524 w 2339663"/>
              <a:gd name="connsiteY0" fmla="*/ 0 h 6676557"/>
              <a:gd name="connsiteX1" fmla="*/ 2337720 w 2339663"/>
              <a:gd name="connsiteY1" fmla="*/ 2919 h 6676557"/>
              <a:gd name="connsiteX2" fmla="*/ 2339663 w 2339663"/>
              <a:gd name="connsiteY2" fmla="*/ 6676557 h 6676557"/>
              <a:gd name="connsiteX3" fmla="*/ 120295 w 2339663"/>
              <a:gd name="connsiteY3" fmla="*/ 6675998 h 6676557"/>
              <a:gd name="connsiteX4" fmla="*/ 7083 w 2339663"/>
              <a:gd name="connsiteY4" fmla="*/ 5549479 h 6676557"/>
              <a:gd name="connsiteX5" fmla="*/ 98 w 2339663"/>
              <a:gd name="connsiteY5" fmla="*/ 5044051 h 6676557"/>
              <a:gd name="connsiteX6" fmla="*/ 17515 w 2339663"/>
              <a:gd name="connsiteY6" fmla="*/ 4251538 h 6676557"/>
              <a:gd name="connsiteX7" fmla="*/ 55859 w 2339663"/>
              <a:gd name="connsiteY7" fmla="*/ 3648892 h 6676557"/>
              <a:gd name="connsiteX8" fmla="*/ 127250 w 2339663"/>
              <a:gd name="connsiteY8" fmla="*/ 3110715 h 6676557"/>
              <a:gd name="connsiteX9" fmla="*/ 235228 w 2339663"/>
              <a:gd name="connsiteY9" fmla="*/ 2433202 h 6676557"/>
              <a:gd name="connsiteX10" fmla="*/ 402447 w 2339663"/>
              <a:gd name="connsiteY10" fmla="*/ 1628536 h 6676557"/>
              <a:gd name="connsiteX11" fmla="*/ 588769 w 2339663"/>
              <a:gd name="connsiteY11" fmla="*/ 905758 h 6676557"/>
              <a:gd name="connsiteX12" fmla="*/ 749035 w 2339663"/>
              <a:gd name="connsiteY12" fmla="*/ 350098 h 6676557"/>
              <a:gd name="connsiteX13" fmla="*/ 860524 w 2339663"/>
              <a:gd name="connsiteY13" fmla="*/ 0 h 6676557"/>
              <a:gd name="connsiteX0" fmla="*/ 860524 w 2339663"/>
              <a:gd name="connsiteY0" fmla="*/ 0 h 6675998"/>
              <a:gd name="connsiteX1" fmla="*/ 2337720 w 2339663"/>
              <a:gd name="connsiteY1" fmla="*/ 2919 h 6675998"/>
              <a:gd name="connsiteX2" fmla="*/ 2339663 w 2339663"/>
              <a:gd name="connsiteY2" fmla="*/ 6666825 h 6675998"/>
              <a:gd name="connsiteX3" fmla="*/ 120295 w 2339663"/>
              <a:gd name="connsiteY3" fmla="*/ 6675998 h 6675998"/>
              <a:gd name="connsiteX4" fmla="*/ 7083 w 2339663"/>
              <a:gd name="connsiteY4" fmla="*/ 5549479 h 6675998"/>
              <a:gd name="connsiteX5" fmla="*/ 98 w 2339663"/>
              <a:gd name="connsiteY5" fmla="*/ 5044051 h 6675998"/>
              <a:gd name="connsiteX6" fmla="*/ 17515 w 2339663"/>
              <a:gd name="connsiteY6" fmla="*/ 4251538 h 6675998"/>
              <a:gd name="connsiteX7" fmla="*/ 55859 w 2339663"/>
              <a:gd name="connsiteY7" fmla="*/ 3648892 h 6675998"/>
              <a:gd name="connsiteX8" fmla="*/ 127250 w 2339663"/>
              <a:gd name="connsiteY8" fmla="*/ 3110715 h 6675998"/>
              <a:gd name="connsiteX9" fmla="*/ 235228 w 2339663"/>
              <a:gd name="connsiteY9" fmla="*/ 2433202 h 6675998"/>
              <a:gd name="connsiteX10" fmla="*/ 402447 w 2339663"/>
              <a:gd name="connsiteY10" fmla="*/ 1628536 h 6675998"/>
              <a:gd name="connsiteX11" fmla="*/ 588769 w 2339663"/>
              <a:gd name="connsiteY11" fmla="*/ 905758 h 6675998"/>
              <a:gd name="connsiteX12" fmla="*/ 749035 w 2339663"/>
              <a:gd name="connsiteY12" fmla="*/ 350098 h 6675998"/>
              <a:gd name="connsiteX13" fmla="*/ 860524 w 2339663"/>
              <a:gd name="connsiteY13" fmla="*/ 0 h 6675998"/>
              <a:gd name="connsiteX0" fmla="*/ 860524 w 2339663"/>
              <a:gd name="connsiteY0" fmla="*/ 0 h 6675998"/>
              <a:gd name="connsiteX1" fmla="*/ 2337720 w 2339663"/>
              <a:gd name="connsiteY1" fmla="*/ 2919 h 6675998"/>
              <a:gd name="connsiteX2" fmla="*/ 2339663 w 2339663"/>
              <a:gd name="connsiteY2" fmla="*/ 6671690 h 6675998"/>
              <a:gd name="connsiteX3" fmla="*/ 120295 w 2339663"/>
              <a:gd name="connsiteY3" fmla="*/ 6675998 h 6675998"/>
              <a:gd name="connsiteX4" fmla="*/ 7083 w 2339663"/>
              <a:gd name="connsiteY4" fmla="*/ 5549479 h 6675998"/>
              <a:gd name="connsiteX5" fmla="*/ 98 w 2339663"/>
              <a:gd name="connsiteY5" fmla="*/ 5044051 h 6675998"/>
              <a:gd name="connsiteX6" fmla="*/ 17515 w 2339663"/>
              <a:gd name="connsiteY6" fmla="*/ 4251538 h 6675998"/>
              <a:gd name="connsiteX7" fmla="*/ 55859 w 2339663"/>
              <a:gd name="connsiteY7" fmla="*/ 3648892 h 6675998"/>
              <a:gd name="connsiteX8" fmla="*/ 127250 w 2339663"/>
              <a:gd name="connsiteY8" fmla="*/ 3110715 h 6675998"/>
              <a:gd name="connsiteX9" fmla="*/ 235228 w 2339663"/>
              <a:gd name="connsiteY9" fmla="*/ 2433202 h 6675998"/>
              <a:gd name="connsiteX10" fmla="*/ 402447 w 2339663"/>
              <a:gd name="connsiteY10" fmla="*/ 1628536 h 6675998"/>
              <a:gd name="connsiteX11" fmla="*/ 588769 w 2339663"/>
              <a:gd name="connsiteY11" fmla="*/ 905758 h 6675998"/>
              <a:gd name="connsiteX12" fmla="*/ 749035 w 2339663"/>
              <a:gd name="connsiteY12" fmla="*/ 350098 h 6675998"/>
              <a:gd name="connsiteX13" fmla="*/ 860524 w 2339663"/>
              <a:gd name="connsiteY13" fmla="*/ 0 h 6675998"/>
              <a:gd name="connsiteX0" fmla="*/ 860524 w 2343720"/>
              <a:gd name="connsiteY0" fmla="*/ 0 h 6675998"/>
              <a:gd name="connsiteX1" fmla="*/ 2342585 w 2343720"/>
              <a:gd name="connsiteY1" fmla="*/ 7785 h 6675998"/>
              <a:gd name="connsiteX2" fmla="*/ 2339663 w 2343720"/>
              <a:gd name="connsiteY2" fmla="*/ 6671690 h 6675998"/>
              <a:gd name="connsiteX3" fmla="*/ 120295 w 2343720"/>
              <a:gd name="connsiteY3" fmla="*/ 6675998 h 6675998"/>
              <a:gd name="connsiteX4" fmla="*/ 7083 w 2343720"/>
              <a:gd name="connsiteY4" fmla="*/ 5549479 h 6675998"/>
              <a:gd name="connsiteX5" fmla="*/ 98 w 2343720"/>
              <a:gd name="connsiteY5" fmla="*/ 5044051 h 6675998"/>
              <a:gd name="connsiteX6" fmla="*/ 17515 w 2343720"/>
              <a:gd name="connsiteY6" fmla="*/ 4251538 h 6675998"/>
              <a:gd name="connsiteX7" fmla="*/ 55859 w 2343720"/>
              <a:gd name="connsiteY7" fmla="*/ 3648892 h 6675998"/>
              <a:gd name="connsiteX8" fmla="*/ 127250 w 2343720"/>
              <a:gd name="connsiteY8" fmla="*/ 3110715 h 6675998"/>
              <a:gd name="connsiteX9" fmla="*/ 235228 w 2343720"/>
              <a:gd name="connsiteY9" fmla="*/ 2433202 h 6675998"/>
              <a:gd name="connsiteX10" fmla="*/ 402447 w 2343720"/>
              <a:gd name="connsiteY10" fmla="*/ 1628536 h 6675998"/>
              <a:gd name="connsiteX11" fmla="*/ 588769 w 2343720"/>
              <a:gd name="connsiteY11" fmla="*/ 905758 h 6675998"/>
              <a:gd name="connsiteX12" fmla="*/ 749035 w 2343720"/>
              <a:gd name="connsiteY12" fmla="*/ 350098 h 6675998"/>
              <a:gd name="connsiteX13" fmla="*/ 860524 w 2343720"/>
              <a:gd name="connsiteY13" fmla="*/ 0 h 6675998"/>
              <a:gd name="connsiteX0" fmla="*/ 860524 w 2339663"/>
              <a:gd name="connsiteY0" fmla="*/ 0 h 6675998"/>
              <a:gd name="connsiteX1" fmla="*/ 2332953 w 2339663"/>
              <a:gd name="connsiteY1" fmla="*/ 1364 h 6675998"/>
              <a:gd name="connsiteX2" fmla="*/ 2339663 w 2339663"/>
              <a:gd name="connsiteY2" fmla="*/ 6671690 h 6675998"/>
              <a:gd name="connsiteX3" fmla="*/ 120295 w 2339663"/>
              <a:gd name="connsiteY3" fmla="*/ 6675998 h 6675998"/>
              <a:gd name="connsiteX4" fmla="*/ 7083 w 2339663"/>
              <a:gd name="connsiteY4" fmla="*/ 5549479 h 6675998"/>
              <a:gd name="connsiteX5" fmla="*/ 98 w 2339663"/>
              <a:gd name="connsiteY5" fmla="*/ 5044051 h 6675998"/>
              <a:gd name="connsiteX6" fmla="*/ 17515 w 2339663"/>
              <a:gd name="connsiteY6" fmla="*/ 4251538 h 6675998"/>
              <a:gd name="connsiteX7" fmla="*/ 55859 w 2339663"/>
              <a:gd name="connsiteY7" fmla="*/ 3648892 h 6675998"/>
              <a:gd name="connsiteX8" fmla="*/ 127250 w 2339663"/>
              <a:gd name="connsiteY8" fmla="*/ 3110715 h 6675998"/>
              <a:gd name="connsiteX9" fmla="*/ 235228 w 2339663"/>
              <a:gd name="connsiteY9" fmla="*/ 2433202 h 6675998"/>
              <a:gd name="connsiteX10" fmla="*/ 402447 w 2339663"/>
              <a:gd name="connsiteY10" fmla="*/ 1628536 h 6675998"/>
              <a:gd name="connsiteX11" fmla="*/ 588769 w 2339663"/>
              <a:gd name="connsiteY11" fmla="*/ 905758 h 6675998"/>
              <a:gd name="connsiteX12" fmla="*/ 749035 w 2339663"/>
              <a:gd name="connsiteY12" fmla="*/ 350098 h 6675998"/>
              <a:gd name="connsiteX13" fmla="*/ 860524 w 2339663"/>
              <a:gd name="connsiteY13" fmla="*/ 0 h 6675998"/>
              <a:gd name="connsiteX0" fmla="*/ 860524 w 2343720"/>
              <a:gd name="connsiteY0" fmla="*/ 0 h 6675998"/>
              <a:gd name="connsiteX1" fmla="*/ 2342585 w 2343720"/>
              <a:gd name="connsiteY1" fmla="*/ 1364 h 6675998"/>
              <a:gd name="connsiteX2" fmla="*/ 2339663 w 2343720"/>
              <a:gd name="connsiteY2" fmla="*/ 6671690 h 6675998"/>
              <a:gd name="connsiteX3" fmla="*/ 120295 w 2343720"/>
              <a:gd name="connsiteY3" fmla="*/ 6675998 h 6675998"/>
              <a:gd name="connsiteX4" fmla="*/ 7083 w 2343720"/>
              <a:gd name="connsiteY4" fmla="*/ 5549479 h 6675998"/>
              <a:gd name="connsiteX5" fmla="*/ 98 w 2343720"/>
              <a:gd name="connsiteY5" fmla="*/ 5044051 h 6675998"/>
              <a:gd name="connsiteX6" fmla="*/ 17515 w 2343720"/>
              <a:gd name="connsiteY6" fmla="*/ 4251538 h 6675998"/>
              <a:gd name="connsiteX7" fmla="*/ 55859 w 2343720"/>
              <a:gd name="connsiteY7" fmla="*/ 3648892 h 6675998"/>
              <a:gd name="connsiteX8" fmla="*/ 127250 w 2343720"/>
              <a:gd name="connsiteY8" fmla="*/ 3110715 h 6675998"/>
              <a:gd name="connsiteX9" fmla="*/ 235228 w 2343720"/>
              <a:gd name="connsiteY9" fmla="*/ 2433202 h 6675998"/>
              <a:gd name="connsiteX10" fmla="*/ 402447 w 2343720"/>
              <a:gd name="connsiteY10" fmla="*/ 1628536 h 6675998"/>
              <a:gd name="connsiteX11" fmla="*/ 588769 w 2343720"/>
              <a:gd name="connsiteY11" fmla="*/ 905758 h 6675998"/>
              <a:gd name="connsiteX12" fmla="*/ 749035 w 2343720"/>
              <a:gd name="connsiteY12" fmla="*/ 350098 h 6675998"/>
              <a:gd name="connsiteX13" fmla="*/ 860524 w 2343720"/>
              <a:gd name="connsiteY13" fmla="*/ 0 h 6675998"/>
              <a:gd name="connsiteX0" fmla="*/ 860524 w 2343720"/>
              <a:gd name="connsiteY0" fmla="*/ 0 h 6675998"/>
              <a:gd name="connsiteX1" fmla="*/ 2342585 w 2343720"/>
              <a:gd name="connsiteY1" fmla="*/ 1364 h 6675998"/>
              <a:gd name="connsiteX2" fmla="*/ 2339663 w 2343720"/>
              <a:gd name="connsiteY2" fmla="*/ 6671690 h 6675998"/>
              <a:gd name="connsiteX3" fmla="*/ 120295 w 2343720"/>
              <a:gd name="connsiteY3" fmla="*/ 6675998 h 6675998"/>
              <a:gd name="connsiteX4" fmla="*/ 7083 w 2343720"/>
              <a:gd name="connsiteY4" fmla="*/ 5549479 h 6675998"/>
              <a:gd name="connsiteX5" fmla="*/ 98 w 2343720"/>
              <a:gd name="connsiteY5" fmla="*/ 5044051 h 6675998"/>
              <a:gd name="connsiteX6" fmla="*/ 17515 w 2343720"/>
              <a:gd name="connsiteY6" fmla="*/ 4251538 h 6675998"/>
              <a:gd name="connsiteX7" fmla="*/ 55859 w 2343720"/>
              <a:gd name="connsiteY7" fmla="*/ 3648892 h 6675998"/>
              <a:gd name="connsiteX8" fmla="*/ 127250 w 2343720"/>
              <a:gd name="connsiteY8" fmla="*/ 3110715 h 6675998"/>
              <a:gd name="connsiteX9" fmla="*/ 235228 w 2343720"/>
              <a:gd name="connsiteY9" fmla="*/ 2433202 h 6675998"/>
              <a:gd name="connsiteX10" fmla="*/ 402447 w 2343720"/>
              <a:gd name="connsiteY10" fmla="*/ 1628536 h 6675998"/>
              <a:gd name="connsiteX11" fmla="*/ 588769 w 2343720"/>
              <a:gd name="connsiteY11" fmla="*/ 905758 h 6675998"/>
              <a:gd name="connsiteX12" fmla="*/ 749035 w 2343720"/>
              <a:gd name="connsiteY12" fmla="*/ 350098 h 6675998"/>
              <a:gd name="connsiteX13" fmla="*/ 860524 w 2343720"/>
              <a:gd name="connsiteY13" fmla="*/ 0 h 6675998"/>
              <a:gd name="connsiteX0" fmla="*/ 860524 w 2352916"/>
              <a:gd name="connsiteY0" fmla="*/ 0 h 6675998"/>
              <a:gd name="connsiteX1" fmla="*/ 2352217 w 2352916"/>
              <a:gd name="connsiteY1" fmla="*/ 10995 h 6675998"/>
              <a:gd name="connsiteX2" fmla="*/ 2339663 w 2352916"/>
              <a:gd name="connsiteY2" fmla="*/ 6671690 h 6675998"/>
              <a:gd name="connsiteX3" fmla="*/ 120295 w 2352916"/>
              <a:gd name="connsiteY3" fmla="*/ 6675998 h 6675998"/>
              <a:gd name="connsiteX4" fmla="*/ 7083 w 2352916"/>
              <a:gd name="connsiteY4" fmla="*/ 5549479 h 6675998"/>
              <a:gd name="connsiteX5" fmla="*/ 98 w 2352916"/>
              <a:gd name="connsiteY5" fmla="*/ 5044051 h 6675998"/>
              <a:gd name="connsiteX6" fmla="*/ 17515 w 2352916"/>
              <a:gd name="connsiteY6" fmla="*/ 4251538 h 6675998"/>
              <a:gd name="connsiteX7" fmla="*/ 55859 w 2352916"/>
              <a:gd name="connsiteY7" fmla="*/ 3648892 h 6675998"/>
              <a:gd name="connsiteX8" fmla="*/ 127250 w 2352916"/>
              <a:gd name="connsiteY8" fmla="*/ 3110715 h 6675998"/>
              <a:gd name="connsiteX9" fmla="*/ 235228 w 2352916"/>
              <a:gd name="connsiteY9" fmla="*/ 2433202 h 6675998"/>
              <a:gd name="connsiteX10" fmla="*/ 402447 w 2352916"/>
              <a:gd name="connsiteY10" fmla="*/ 1628536 h 6675998"/>
              <a:gd name="connsiteX11" fmla="*/ 588769 w 2352916"/>
              <a:gd name="connsiteY11" fmla="*/ 905758 h 6675998"/>
              <a:gd name="connsiteX12" fmla="*/ 749035 w 2352916"/>
              <a:gd name="connsiteY12" fmla="*/ 350098 h 6675998"/>
              <a:gd name="connsiteX13" fmla="*/ 860524 w 2352916"/>
              <a:gd name="connsiteY13" fmla="*/ 0 h 6675998"/>
              <a:gd name="connsiteX0" fmla="*/ 860524 w 2362355"/>
              <a:gd name="connsiteY0" fmla="*/ 0 h 6675998"/>
              <a:gd name="connsiteX1" fmla="*/ 2361849 w 2362355"/>
              <a:gd name="connsiteY1" fmla="*/ 7785 h 6675998"/>
              <a:gd name="connsiteX2" fmla="*/ 2339663 w 2362355"/>
              <a:gd name="connsiteY2" fmla="*/ 6671690 h 6675998"/>
              <a:gd name="connsiteX3" fmla="*/ 120295 w 2362355"/>
              <a:gd name="connsiteY3" fmla="*/ 6675998 h 6675998"/>
              <a:gd name="connsiteX4" fmla="*/ 7083 w 2362355"/>
              <a:gd name="connsiteY4" fmla="*/ 5549479 h 6675998"/>
              <a:gd name="connsiteX5" fmla="*/ 98 w 2362355"/>
              <a:gd name="connsiteY5" fmla="*/ 5044051 h 6675998"/>
              <a:gd name="connsiteX6" fmla="*/ 17515 w 2362355"/>
              <a:gd name="connsiteY6" fmla="*/ 4251538 h 6675998"/>
              <a:gd name="connsiteX7" fmla="*/ 55859 w 2362355"/>
              <a:gd name="connsiteY7" fmla="*/ 3648892 h 6675998"/>
              <a:gd name="connsiteX8" fmla="*/ 127250 w 2362355"/>
              <a:gd name="connsiteY8" fmla="*/ 3110715 h 6675998"/>
              <a:gd name="connsiteX9" fmla="*/ 235228 w 2362355"/>
              <a:gd name="connsiteY9" fmla="*/ 2433202 h 6675998"/>
              <a:gd name="connsiteX10" fmla="*/ 402447 w 2362355"/>
              <a:gd name="connsiteY10" fmla="*/ 1628536 h 6675998"/>
              <a:gd name="connsiteX11" fmla="*/ 588769 w 2362355"/>
              <a:gd name="connsiteY11" fmla="*/ 905758 h 6675998"/>
              <a:gd name="connsiteX12" fmla="*/ 749035 w 2362355"/>
              <a:gd name="connsiteY12" fmla="*/ 350098 h 6675998"/>
              <a:gd name="connsiteX13" fmla="*/ 860524 w 2362355"/>
              <a:gd name="connsiteY13" fmla="*/ 0 h 6675998"/>
              <a:gd name="connsiteX0" fmla="*/ 860524 w 2365523"/>
              <a:gd name="connsiteY0" fmla="*/ 0 h 6675998"/>
              <a:gd name="connsiteX1" fmla="*/ 2365060 w 2365523"/>
              <a:gd name="connsiteY1" fmla="*/ 1363 h 6675998"/>
              <a:gd name="connsiteX2" fmla="*/ 2339663 w 2365523"/>
              <a:gd name="connsiteY2" fmla="*/ 6671690 h 6675998"/>
              <a:gd name="connsiteX3" fmla="*/ 120295 w 2365523"/>
              <a:gd name="connsiteY3" fmla="*/ 6675998 h 6675998"/>
              <a:gd name="connsiteX4" fmla="*/ 7083 w 2365523"/>
              <a:gd name="connsiteY4" fmla="*/ 5549479 h 6675998"/>
              <a:gd name="connsiteX5" fmla="*/ 98 w 2365523"/>
              <a:gd name="connsiteY5" fmla="*/ 5044051 h 6675998"/>
              <a:gd name="connsiteX6" fmla="*/ 17515 w 2365523"/>
              <a:gd name="connsiteY6" fmla="*/ 4251538 h 6675998"/>
              <a:gd name="connsiteX7" fmla="*/ 55859 w 2365523"/>
              <a:gd name="connsiteY7" fmla="*/ 3648892 h 6675998"/>
              <a:gd name="connsiteX8" fmla="*/ 127250 w 2365523"/>
              <a:gd name="connsiteY8" fmla="*/ 3110715 h 6675998"/>
              <a:gd name="connsiteX9" fmla="*/ 235228 w 2365523"/>
              <a:gd name="connsiteY9" fmla="*/ 2433202 h 6675998"/>
              <a:gd name="connsiteX10" fmla="*/ 402447 w 2365523"/>
              <a:gd name="connsiteY10" fmla="*/ 1628536 h 6675998"/>
              <a:gd name="connsiteX11" fmla="*/ 588769 w 2365523"/>
              <a:gd name="connsiteY11" fmla="*/ 905758 h 6675998"/>
              <a:gd name="connsiteX12" fmla="*/ 749035 w 2365523"/>
              <a:gd name="connsiteY12" fmla="*/ 350098 h 6675998"/>
              <a:gd name="connsiteX13" fmla="*/ 860524 w 2365523"/>
              <a:gd name="connsiteY13" fmla="*/ 0 h 6675998"/>
              <a:gd name="connsiteX0" fmla="*/ 860524 w 2365566"/>
              <a:gd name="connsiteY0" fmla="*/ 0 h 6675998"/>
              <a:gd name="connsiteX1" fmla="*/ 2365060 w 2365566"/>
              <a:gd name="connsiteY1" fmla="*/ 1363 h 6675998"/>
              <a:gd name="connsiteX2" fmla="*/ 2342874 w 2365566"/>
              <a:gd name="connsiteY2" fmla="*/ 6671690 h 6675998"/>
              <a:gd name="connsiteX3" fmla="*/ 120295 w 2365566"/>
              <a:gd name="connsiteY3" fmla="*/ 6675998 h 6675998"/>
              <a:gd name="connsiteX4" fmla="*/ 7083 w 2365566"/>
              <a:gd name="connsiteY4" fmla="*/ 5549479 h 6675998"/>
              <a:gd name="connsiteX5" fmla="*/ 98 w 2365566"/>
              <a:gd name="connsiteY5" fmla="*/ 5044051 h 6675998"/>
              <a:gd name="connsiteX6" fmla="*/ 17515 w 2365566"/>
              <a:gd name="connsiteY6" fmla="*/ 4251538 h 6675998"/>
              <a:gd name="connsiteX7" fmla="*/ 55859 w 2365566"/>
              <a:gd name="connsiteY7" fmla="*/ 3648892 h 6675998"/>
              <a:gd name="connsiteX8" fmla="*/ 127250 w 2365566"/>
              <a:gd name="connsiteY8" fmla="*/ 3110715 h 6675998"/>
              <a:gd name="connsiteX9" fmla="*/ 235228 w 2365566"/>
              <a:gd name="connsiteY9" fmla="*/ 2433202 h 6675998"/>
              <a:gd name="connsiteX10" fmla="*/ 402447 w 2365566"/>
              <a:gd name="connsiteY10" fmla="*/ 1628536 h 6675998"/>
              <a:gd name="connsiteX11" fmla="*/ 588769 w 2365566"/>
              <a:gd name="connsiteY11" fmla="*/ 905758 h 6675998"/>
              <a:gd name="connsiteX12" fmla="*/ 749035 w 2365566"/>
              <a:gd name="connsiteY12" fmla="*/ 350098 h 6675998"/>
              <a:gd name="connsiteX13" fmla="*/ 860524 w 2365566"/>
              <a:gd name="connsiteY13" fmla="*/ 0 h 6675998"/>
              <a:gd name="connsiteX0" fmla="*/ 860524 w 2365566"/>
              <a:gd name="connsiteY0" fmla="*/ 0 h 6675998"/>
              <a:gd name="connsiteX1" fmla="*/ 2365060 w 2365566"/>
              <a:gd name="connsiteY1" fmla="*/ 1363 h 6675998"/>
              <a:gd name="connsiteX2" fmla="*/ 2342874 w 2365566"/>
              <a:gd name="connsiteY2" fmla="*/ 6674901 h 6675998"/>
              <a:gd name="connsiteX3" fmla="*/ 120295 w 2365566"/>
              <a:gd name="connsiteY3" fmla="*/ 6675998 h 6675998"/>
              <a:gd name="connsiteX4" fmla="*/ 7083 w 2365566"/>
              <a:gd name="connsiteY4" fmla="*/ 5549479 h 6675998"/>
              <a:gd name="connsiteX5" fmla="*/ 98 w 2365566"/>
              <a:gd name="connsiteY5" fmla="*/ 5044051 h 6675998"/>
              <a:gd name="connsiteX6" fmla="*/ 17515 w 2365566"/>
              <a:gd name="connsiteY6" fmla="*/ 4251538 h 6675998"/>
              <a:gd name="connsiteX7" fmla="*/ 55859 w 2365566"/>
              <a:gd name="connsiteY7" fmla="*/ 3648892 h 6675998"/>
              <a:gd name="connsiteX8" fmla="*/ 127250 w 2365566"/>
              <a:gd name="connsiteY8" fmla="*/ 3110715 h 6675998"/>
              <a:gd name="connsiteX9" fmla="*/ 235228 w 2365566"/>
              <a:gd name="connsiteY9" fmla="*/ 2433202 h 6675998"/>
              <a:gd name="connsiteX10" fmla="*/ 402447 w 2365566"/>
              <a:gd name="connsiteY10" fmla="*/ 1628536 h 6675998"/>
              <a:gd name="connsiteX11" fmla="*/ 588769 w 2365566"/>
              <a:gd name="connsiteY11" fmla="*/ 905758 h 6675998"/>
              <a:gd name="connsiteX12" fmla="*/ 749035 w 2365566"/>
              <a:gd name="connsiteY12" fmla="*/ 350098 h 6675998"/>
              <a:gd name="connsiteX13" fmla="*/ 860524 w 2365566"/>
              <a:gd name="connsiteY13" fmla="*/ 0 h 6675998"/>
              <a:gd name="connsiteX0" fmla="*/ 860524 w 2365759"/>
              <a:gd name="connsiteY0" fmla="*/ 0 h 6678112"/>
              <a:gd name="connsiteX1" fmla="*/ 2365060 w 2365759"/>
              <a:gd name="connsiteY1" fmla="*/ 1363 h 6678112"/>
              <a:gd name="connsiteX2" fmla="*/ 2352506 w 2365759"/>
              <a:gd name="connsiteY2" fmla="*/ 6678112 h 6678112"/>
              <a:gd name="connsiteX3" fmla="*/ 120295 w 2365759"/>
              <a:gd name="connsiteY3" fmla="*/ 6675998 h 6678112"/>
              <a:gd name="connsiteX4" fmla="*/ 7083 w 2365759"/>
              <a:gd name="connsiteY4" fmla="*/ 5549479 h 6678112"/>
              <a:gd name="connsiteX5" fmla="*/ 98 w 2365759"/>
              <a:gd name="connsiteY5" fmla="*/ 5044051 h 6678112"/>
              <a:gd name="connsiteX6" fmla="*/ 17515 w 2365759"/>
              <a:gd name="connsiteY6" fmla="*/ 4251538 h 6678112"/>
              <a:gd name="connsiteX7" fmla="*/ 55859 w 2365759"/>
              <a:gd name="connsiteY7" fmla="*/ 3648892 h 6678112"/>
              <a:gd name="connsiteX8" fmla="*/ 127250 w 2365759"/>
              <a:gd name="connsiteY8" fmla="*/ 3110715 h 6678112"/>
              <a:gd name="connsiteX9" fmla="*/ 235228 w 2365759"/>
              <a:gd name="connsiteY9" fmla="*/ 2433202 h 6678112"/>
              <a:gd name="connsiteX10" fmla="*/ 402447 w 2365759"/>
              <a:gd name="connsiteY10" fmla="*/ 1628536 h 6678112"/>
              <a:gd name="connsiteX11" fmla="*/ 588769 w 2365759"/>
              <a:gd name="connsiteY11" fmla="*/ 905758 h 6678112"/>
              <a:gd name="connsiteX12" fmla="*/ 749035 w 2365759"/>
              <a:gd name="connsiteY12" fmla="*/ 350098 h 6678112"/>
              <a:gd name="connsiteX13" fmla="*/ 860524 w 2365759"/>
              <a:gd name="connsiteY13" fmla="*/ 0 h 6678112"/>
              <a:gd name="connsiteX0" fmla="*/ 860524 w 2365759"/>
              <a:gd name="connsiteY0" fmla="*/ 0 h 6678112"/>
              <a:gd name="connsiteX1" fmla="*/ 2365060 w 2365759"/>
              <a:gd name="connsiteY1" fmla="*/ 1363 h 6678112"/>
              <a:gd name="connsiteX2" fmla="*/ 2352506 w 2365759"/>
              <a:gd name="connsiteY2" fmla="*/ 6678112 h 6678112"/>
              <a:gd name="connsiteX3" fmla="*/ 120295 w 2365759"/>
              <a:gd name="connsiteY3" fmla="*/ 6675998 h 6678112"/>
              <a:gd name="connsiteX4" fmla="*/ 7083 w 2365759"/>
              <a:gd name="connsiteY4" fmla="*/ 5549479 h 6678112"/>
              <a:gd name="connsiteX5" fmla="*/ 98 w 2365759"/>
              <a:gd name="connsiteY5" fmla="*/ 5044051 h 6678112"/>
              <a:gd name="connsiteX6" fmla="*/ 17515 w 2365759"/>
              <a:gd name="connsiteY6" fmla="*/ 4251538 h 6678112"/>
              <a:gd name="connsiteX7" fmla="*/ 55859 w 2365759"/>
              <a:gd name="connsiteY7" fmla="*/ 3648892 h 6678112"/>
              <a:gd name="connsiteX8" fmla="*/ 127250 w 2365759"/>
              <a:gd name="connsiteY8" fmla="*/ 3110715 h 6678112"/>
              <a:gd name="connsiteX9" fmla="*/ 235228 w 2365759"/>
              <a:gd name="connsiteY9" fmla="*/ 2433202 h 6678112"/>
              <a:gd name="connsiteX10" fmla="*/ 402447 w 2365759"/>
              <a:gd name="connsiteY10" fmla="*/ 1628536 h 6678112"/>
              <a:gd name="connsiteX11" fmla="*/ 588769 w 2365759"/>
              <a:gd name="connsiteY11" fmla="*/ 905758 h 6678112"/>
              <a:gd name="connsiteX12" fmla="*/ 749035 w 2365759"/>
              <a:gd name="connsiteY12" fmla="*/ 350098 h 6678112"/>
              <a:gd name="connsiteX13" fmla="*/ 860524 w 2365759"/>
              <a:gd name="connsiteY13" fmla="*/ 0 h 6678112"/>
              <a:gd name="connsiteX0" fmla="*/ 860524 w 2365759"/>
              <a:gd name="connsiteY0" fmla="*/ 0 h 6678112"/>
              <a:gd name="connsiteX1" fmla="*/ 2365060 w 2365759"/>
              <a:gd name="connsiteY1" fmla="*/ 1363 h 6678112"/>
              <a:gd name="connsiteX2" fmla="*/ 2352506 w 2365759"/>
              <a:gd name="connsiteY2" fmla="*/ 6678112 h 6678112"/>
              <a:gd name="connsiteX3" fmla="*/ 120295 w 2365759"/>
              <a:gd name="connsiteY3" fmla="*/ 6675998 h 6678112"/>
              <a:gd name="connsiteX4" fmla="*/ 7083 w 2365759"/>
              <a:gd name="connsiteY4" fmla="*/ 5549479 h 6678112"/>
              <a:gd name="connsiteX5" fmla="*/ 98 w 2365759"/>
              <a:gd name="connsiteY5" fmla="*/ 5044051 h 6678112"/>
              <a:gd name="connsiteX6" fmla="*/ 17515 w 2365759"/>
              <a:gd name="connsiteY6" fmla="*/ 4251538 h 6678112"/>
              <a:gd name="connsiteX7" fmla="*/ 55859 w 2365759"/>
              <a:gd name="connsiteY7" fmla="*/ 3648892 h 6678112"/>
              <a:gd name="connsiteX8" fmla="*/ 127250 w 2365759"/>
              <a:gd name="connsiteY8" fmla="*/ 3110715 h 6678112"/>
              <a:gd name="connsiteX9" fmla="*/ 235228 w 2365759"/>
              <a:gd name="connsiteY9" fmla="*/ 2433202 h 6678112"/>
              <a:gd name="connsiteX10" fmla="*/ 402447 w 2365759"/>
              <a:gd name="connsiteY10" fmla="*/ 1628536 h 6678112"/>
              <a:gd name="connsiteX11" fmla="*/ 588769 w 2365759"/>
              <a:gd name="connsiteY11" fmla="*/ 905758 h 6678112"/>
              <a:gd name="connsiteX12" fmla="*/ 860524 w 2365759"/>
              <a:gd name="connsiteY12" fmla="*/ 0 h 6678112"/>
              <a:gd name="connsiteX0" fmla="*/ 860524 w 2365759"/>
              <a:gd name="connsiteY0" fmla="*/ 0 h 6678112"/>
              <a:gd name="connsiteX1" fmla="*/ 2365060 w 2365759"/>
              <a:gd name="connsiteY1" fmla="*/ 1363 h 6678112"/>
              <a:gd name="connsiteX2" fmla="*/ 2352506 w 2365759"/>
              <a:gd name="connsiteY2" fmla="*/ 6678112 h 6678112"/>
              <a:gd name="connsiteX3" fmla="*/ 120295 w 2365759"/>
              <a:gd name="connsiteY3" fmla="*/ 6675998 h 6678112"/>
              <a:gd name="connsiteX4" fmla="*/ 7083 w 2365759"/>
              <a:gd name="connsiteY4" fmla="*/ 5549479 h 6678112"/>
              <a:gd name="connsiteX5" fmla="*/ 98 w 2365759"/>
              <a:gd name="connsiteY5" fmla="*/ 5044051 h 6678112"/>
              <a:gd name="connsiteX6" fmla="*/ 17515 w 2365759"/>
              <a:gd name="connsiteY6" fmla="*/ 4251538 h 6678112"/>
              <a:gd name="connsiteX7" fmla="*/ 55859 w 2365759"/>
              <a:gd name="connsiteY7" fmla="*/ 3648892 h 6678112"/>
              <a:gd name="connsiteX8" fmla="*/ 127250 w 2365759"/>
              <a:gd name="connsiteY8" fmla="*/ 3110715 h 6678112"/>
              <a:gd name="connsiteX9" fmla="*/ 235228 w 2365759"/>
              <a:gd name="connsiteY9" fmla="*/ 2433202 h 6678112"/>
              <a:gd name="connsiteX10" fmla="*/ 402447 w 2365759"/>
              <a:gd name="connsiteY10" fmla="*/ 1628536 h 6678112"/>
              <a:gd name="connsiteX11" fmla="*/ 860524 w 2365759"/>
              <a:gd name="connsiteY11" fmla="*/ 0 h 6678112"/>
              <a:gd name="connsiteX0" fmla="*/ 860524 w 2365759"/>
              <a:gd name="connsiteY0" fmla="*/ 0 h 6678112"/>
              <a:gd name="connsiteX1" fmla="*/ 2365060 w 2365759"/>
              <a:gd name="connsiteY1" fmla="*/ 1363 h 6678112"/>
              <a:gd name="connsiteX2" fmla="*/ 2352506 w 2365759"/>
              <a:gd name="connsiteY2" fmla="*/ 6678112 h 6678112"/>
              <a:gd name="connsiteX3" fmla="*/ 120295 w 2365759"/>
              <a:gd name="connsiteY3" fmla="*/ 6675998 h 6678112"/>
              <a:gd name="connsiteX4" fmla="*/ 7083 w 2365759"/>
              <a:gd name="connsiteY4" fmla="*/ 5549479 h 6678112"/>
              <a:gd name="connsiteX5" fmla="*/ 98 w 2365759"/>
              <a:gd name="connsiteY5" fmla="*/ 5044051 h 6678112"/>
              <a:gd name="connsiteX6" fmla="*/ 17515 w 2365759"/>
              <a:gd name="connsiteY6" fmla="*/ 4251538 h 6678112"/>
              <a:gd name="connsiteX7" fmla="*/ 55859 w 2365759"/>
              <a:gd name="connsiteY7" fmla="*/ 3648892 h 6678112"/>
              <a:gd name="connsiteX8" fmla="*/ 127250 w 2365759"/>
              <a:gd name="connsiteY8" fmla="*/ 3110715 h 6678112"/>
              <a:gd name="connsiteX9" fmla="*/ 235228 w 2365759"/>
              <a:gd name="connsiteY9" fmla="*/ 2433202 h 6678112"/>
              <a:gd name="connsiteX10" fmla="*/ 860524 w 2365759"/>
              <a:gd name="connsiteY10" fmla="*/ 0 h 6678112"/>
              <a:gd name="connsiteX0" fmla="*/ 860524 w 2365759"/>
              <a:gd name="connsiteY0" fmla="*/ 0 h 6678112"/>
              <a:gd name="connsiteX1" fmla="*/ 2365060 w 2365759"/>
              <a:gd name="connsiteY1" fmla="*/ 1363 h 6678112"/>
              <a:gd name="connsiteX2" fmla="*/ 2352506 w 2365759"/>
              <a:gd name="connsiteY2" fmla="*/ 6678112 h 6678112"/>
              <a:gd name="connsiteX3" fmla="*/ 120295 w 2365759"/>
              <a:gd name="connsiteY3" fmla="*/ 6675998 h 6678112"/>
              <a:gd name="connsiteX4" fmla="*/ 7083 w 2365759"/>
              <a:gd name="connsiteY4" fmla="*/ 5549479 h 6678112"/>
              <a:gd name="connsiteX5" fmla="*/ 98 w 2365759"/>
              <a:gd name="connsiteY5" fmla="*/ 5044051 h 6678112"/>
              <a:gd name="connsiteX6" fmla="*/ 17515 w 2365759"/>
              <a:gd name="connsiteY6" fmla="*/ 4251538 h 6678112"/>
              <a:gd name="connsiteX7" fmla="*/ 55859 w 2365759"/>
              <a:gd name="connsiteY7" fmla="*/ 3648892 h 6678112"/>
              <a:gd name="connsiteX8" fmla="*/ 127250 w 2365759"/>
              <a:gd name="connsiteY8" fmla="*/ 3110715 h 6678112"/>
              <a:gd name="connsiteX9" fmla="*/ 860524 w 2365759"/>
              <a:gd name="connsiteY9" fmla="*/ 0 h 6678112"/>
              <a:gd name="connsiteX0" fmla="*/ 860524 w 2365759"/>
              <a:gd name="connsiteY0" fmla="*/ 0 h 6678112"/>
              <a:gd name="connsiteX1" fmla="*/ 2365060 w 2365759"/>
              <a:gd name="connsiteY1" fmla="*/ 1363 h 6678112"/>
              <a:gd name="connsiteX2" fmla="*/ 2352506 w 2365759"/>
              <a:gd name="connsiteY2" fmla="*/ 6678112 h 6678112"/>
              <a:gd name="connsiteX3" fmla="*/ 120295 w 2365759"/>
              <a:gd name="connsiteY3" fmla="*/ 6675998 h 6678112"/>
              <a:gd name="connsiteX4" fmla="*/ 7083 w 2365759"/>
              <a:gd name="connsiteY4" fmla="*/ 5549479 h 6678112"/>
              <a:gd name="connsiteX5" fmla="*/ 98 w 2365759"/>
              <a:gd name="connsiteY5" fmla="*/ 5044051 h 6678112"/>
              <a:gd name="connsiteX6" fmla="*/ 17515 w 2365759"/>
              <a:gd name="connsiteY6" fmla="*/ 4251538 h 6678112"/>
              <a:gd name="connsiteX7" fmla="*/ 55859 w 2365759"/>
              <a:gd name="connsiteY7" fmla="*/ 3648892 h 6678112"/>
              <a:gd name="connsiteX8" fmla="*/ 860524 w 2365759"/>
              <a:gd name="connsiteY8" fmla="*/ 0 h 6678112"/>
              <a:gd name="connsiteX0" fmla="*/ 860524 w 2365759"/>
              <a:gd name="connsiteY0" fmla="*/ 0 h 6678112"/>
              <a:gd name="connsiteX1" fmla="*/ 2365060 w 2365759"/>
              <a:gd name="connsiteY1" fmla="*/ 1363 h 6678112"/>
              <a:gd name="connsiteX2" fmla="*/ 2352506 w 2365759"/>
              <a:gd name="connsiteY2" fmla="*/ 6678112 h 6678112"/>
              <a:gd name="connsiteX3" fmla="*/ 120295 w 2365759"/>
              <a:gd name="connsiteY3" fmla="*/ 6675998 h 6678112"/>
              <a:gd name="connsiteX4" fmla="*/ 7083 w 2365759"/>
              <a:gd name="connsiteY4" fmla="*/ 5549479 h 6678112"/>
              <a:gd name="connsiteX5" fmla="*/ 98 w 2365759"/>
              <a:gd name="connsiteY5" fmla="*/ 5044051 h 6678112"/>
              <a:gd name="connsiteX6" fmla="*/ 17515 w 2365759"/>
              <a:gd name="connsiteY6" fmla="*/ 4251538 h 6678112"/>
              <a:gd name="connsiteX7" fmla="*/ 860524 w 2365759"/>
              <a:gd name="connsiteY7" fmla="*/ 0 h 6678112"/>
              <a:gd name="connsiteX0" fmla="*/ 860524 w 2365759"/>
              <a:gd name="connsiteY0" fmla="*/ 0 h 6678112"/>
              <a:gd name="connsiteX1" fmla="*/ 2365060 w 2365759"/>
              <a:gd name="connsiteY1" fmla="*/ 1363 h 6678112"/>
              <a:gd name="connsiteX2" fmla="*/ 2352506 w 2365759"/>
              <a:gd name="connsiteY2" fmla="*/ 6678112 h 6678112"/>
              <a:gd name="connsiteX3" fmla="*/ 120295 w 2365759"/>
              <a:gd name="connsiteY3" fmla="*/ 6675998 h 6678112"/>
              <a:gd name="connsiteX4" fmla="*/ 7083 w 2365759"/>
              <a:gd name="connsiteY4" fmla="*/ 5549479 h 6678112"/>
              <a:gd name="connsiteX5" fmla="*/ 98 w 2365759"/>
              <a:gd name="connsiteY5" fmla="*/ 5044051 h 6678112"/>
              <a:gd name="connsiteX6" fmla="*/ 860524 w 2365759"/>
              <a:gd name="connsiteY6" fmla="*/ 0 h 6678112"/>
              <a:gd name="connsiteX0" fmla="*/ 853441 w 2358676"/>
              <a:gd name="connsiteY0" fmla="*/ 0 h 6678112"/>
              <a:gd name="connsiteX1" fmla="*/ 2357977 w 2358676"/>
              <a:gd name="connsiteY1" fmla="*/ 1363 h 6678112"/>
              <a:gd name="connsiteX2" fmla="*/ 2345423 w 2358676"/>
              <a:gd name="connsiteY2" fmla="*/ 6678112 h 6678112"/>
              <a:gd name="connsiteX3" fmla="*/ 113212 w 2358676"/>
              <a:gd name="connsiteY3" fmla="*/ 6675998 h 6678112"/>
              <a:gd name="connsiteX4" fmla="*/ 0 w 2358676"/>
              <a:gd name="connsiteY4" fmla="*/ 5549479 h 6678112"/>
              <a:gd name="connsiteX5" fmla="*/ 853441 w 2358676"/>
              <a:gd name="connsiteY5" fmla="*/ 0 h 6678112"/>
              <a:gd name="connsiteX0" fmla="*/ 797799 w 2303034"/>
              <a:gd name="connsiteY0" fmla="*/ 0 h 6678112"/>
              <a:gd name="connsiteX1" fmla="*/ 2302335 w 2303034"/>
              <a:gd name="connsiteY1" fmla="*/ 1363 h 6678112"/>
              <a:gd name="connsiteX2" fmla="*/ 2289781 w 2303034"/>
              <a:gd name="connsiteY2" fmla="*/ 6678112 h 6678112"/>
              <a:gd name="connsiteX3" fmla="*/ 57570 w 2303034"/>
              <a:gd name="connsiteY3" fmla="*/ 6675998 h 6678112"/>
              <a:gd name="connsiteX4" fmla="*/ 797799 w 2303034"/>
              <a:gd name="connsiteY4" fmla="*/ 0 h 6678112"/>
              <a:gd name="connsiteX0" fmla="*/ 888739 w 2297021"/>
              <a:gd name="connsiteY0" fmla="*/ 7452 h 6676749"/>
              <a:gd name="connsiteX1" fmla="*/ 2296322 w 2297021"/>
              <a:gd name="connsiteY1" fmla="*/ 0 h 6676749"/>
              <a:gd name="connsiteX2" fmla="*/ 2283768 w 2297021"/>
              <a:gd name="connsiteY2" fmla="*/ 6676749 h 6676749"/>
              <a:gd name="connsiteX3" fmla="*/ 51557 w 2297021"/>
              <a:gd name="connsiteY3" fmla="*/ 6674635 h 6676749"/>
              <a:gd name="connsiteX4" fmla="*/ 888739 w 2297021"/>
              <a:gd name="connsiteY4" fmla="*/ 7452 h 6676749"/>
              <a:gd name="connsiteX0" fmla="*/ 888739 w 2297021"/>
              <a:gd name="connsiteY0" fmla="*/ 0 h 6669297"/>
              <a:gd name="connsiteX1" fmla="*/ 2296322 w 2297021"/>
              <a:gd name="connsiteY1" fmla="*/ 1361 h 6669297"/>
              <a:gd name="connsiteX2" fmla="*/ 2283768 w 2297021"/>
              <a:gd name="connsiteY2" fmla="*/ 6669297 h 6669297"/>
              <a:gd name="connsiteX3" fmla="*/ 51557 w 2297021"/>
              <a:gd name="connsiteY3" fmla="*/ 6667183 h 6669297"/>
              <a:gd name="connsiteX4" fmla="*/ 888739 w 2297021"/>
              <a:gd name="connsiteY4" fmla="*/ 0 h 6669297"/>
              <a:gd name="connsiteX0" fmla="*/ 888739 w 2283768"/>
              <a:gd name="connsiteY0" fmla="*/ 0 h 6669297"/>
              <a:gd name="connsiteX1" fmla="*/ 2278695 w 2283768"/>
              <a:gd name="connsiteY1" fmla="*/ 1361 h 6669297"/>
              <a:gd name="connsiteX2" fmla="*/ 2283768 w 2283768"/>
              <a:gd name="connsiteY2" fmla="*/ 6669297 h 6669297"/>
              <a:gd name="connsiteX3" fmla="*/ 51557 w 2283768"/>
              <a:gd name="connsiteY3" fmla="*/ 6667183 h 6669297"/>
              <a:gd name="connsiteX4" fmla="*/ 888739 w 2283768"/>
              <a:gd name="connsiteY4" fmla="*/ 0 h 6669297"/>
              <a:gd name="connsiteX0" fmla="*/ 888739 w 2288587"/>
              <a:gd name="connsiteY0" fmla="*/ 0 h 6669297"/>
              <a:gd name="connsiteX1" fmla="*/ 2287509 w 2288587"/>
              <a:gd name="connsiteY1" fmla="*/ 10174 h 6669297"/>
              <a:gd name="connsiteX2" fmla="*/ 2283768 w 2288587"/>
              <a:gd name="connsiteY2" fmla="*/ 6669297 h 6669297"/>
              <a:gd name="connsiteX3" fmla="*/ 51557 w 2288587"/>
              <a:gd name="connsiteY3" fmla="*/ 6667183 h 6669297"/>
              <a:gd name="connsiteX4" fmla="*/ 888739 w 2288587"/>
              <a:gd name="connsiteY4" fmla="*/ 0 h 6669297"/>
              <a:gd name="connsiteX0" fmla="*/ 888739 w 2283768"/>
              <a:gd name="connsiteY0" fmla="*/ 7454 h 6676751"/>
              <a:gd name="connsiteX1" fmla="*/ 2278696 w 2283768"/>
              <a:gd name="connsiteY1" fmla="*/ 0 h 6676751"/>
              <a:gd name="connsiteX2" fmla="*/ 2283768 w 2283768"/>
              <a:gd name="connsiteY2" fmla="*/ 6676751 h 6676751"/>
              <a:gd name="connsiteX3" fmla="*/ 51557 w 2283768"/>
              <a:gd name="connsiteY3" fmla="*/ 6674637 h 6676751"/>
              <a:gd name="connsiteX4" fmla="*/ 888739 w 2283768"/>
              <a:gd name="connsiteY4" fmla="*/ 7454 h 6676751"/>
              <a:gd name="connsiteX0" fmla="*/ 888739 w 2283768"/>
              <a:gd name="connsiteY0" fmla="*/ 7454 h 6676751"/>
              <a:gd name="connsiteX1" fmla="*/ 2269883 w 2283768"/>
              <a:gd name="connsiteY1" fmla="*/ 0 h 6676751"/>
              <a:gd name="connsiteX2" fmla="*/ 2283768 w 2283768"/>
              <a:gd name="connsiteY2" fmla="*/ 6676751 h 6676751"/>
              <a:gd name="connsiteX3" fmla="*/ 51557 w 2283768"/>
              <a:gd name="connsiteY3" fmla="*/ 6674637 h 6676751"/>
              <a:gd name="connsiteX4" fmla="*/ 888739 w 2283768"/>
              <a:gd name="connsiteY4" fmla="*/ 7454 h 6676751"/>
              <a:gd name="connsiteX0" fmla="*/ 888739 w 2288588"/>
              <a:gd name="connsiteY0" fmla="*/ 0 h 6669297"/>
              <a:gd name="connsiteX1" fmla="*/ 2287511 w 2288588"/>
              <a:gd name="connsiteY1" fmla="*/ 10174 h 6669297"/>
              <a:gd name="connsiteX2" fmla="*/ 2283768 w 2288588"/>
              <a:gd name="connsiteY2" fmla="*/ 6669297 h 6669297"/>
              <a:gd name="connsiteX3" fmla="*/ 51557 w 2288588"/>
              <a:gd name="connsiteY3" fmla="*/ 6667183 h 6669297"/>
              <a:gd name="connsiteX4" fmla="*/ 888739 w 2288588"/>
              <a:gd name="connsiteY4" fmla="*/ 0 h 6669297"/>
              <a:gd name="connsiteX0" fmla="*/ 902541 w 2302390"/>
              <a:gd name="connsiteY0" fmla="*/ 0 h 6669297"/>
              <a:gd name="connsiteX1" fmla="*/ 2301313 w 2302390"/>
              <a:gd name="connsiteY1" fmla="*/ 10174 h 6669297"/>
              <a:gd name="connsiteX2" fmla="*/ 2297570 w 2302390"/>
              <a:gd name="connsiteY2" fmla="*/ 6669297 h 6669297"/>
              <a:gd name="connsiteX3" fmla="*/ 65359 w 2302390"/>
              <a:gd name="connsiteY3" fmla="*/ 6667183 h 6669297"/>
              <a:gd name="connsiteX4" fmla="*/ 902541 w 2302390"/>
              <a:gd name="connsiteY4" fmla="*/ 0 h 6669297"/>
              <a:gd name="connsiteX0" fmla="*/ 939100 w 2338949"/>
              <a:gd name="connsiteY0" fmla="*/ 0 h 6669297"/>
              <a:gd name="connsiteX1" fmla="*/ 2337872 w 2338949"/>
              <a:gd name="connsiteY1" fmla="*/ 10174 h 6669297"/>
              <a:gd name="connsiteX2" fmla="*/ 2334129 w 2338949"/>
              <a:gd name="connsiteY2" fmla="*/ 6669297 h 6669297"/>
              <a:gd name="connsiteX3" fmla="*/ 101918 w 2338949"/>
              <a:gd name="connsiteY3" fmla="*/ 6667183 h 6669297"/>
              <a:gd name="connsiteX4" fmla="*/ 939100 w 2338949"/>
              <a:gd name="connsiteY4" fmla="*/ 0 h 6669297"/>
              <a:gd name="connsiteX0" fmla="*/ 931671 w 2331520"/>
              <a:gd name="connsiteY0" fmla="*/ 0 h 6669297"/>
              <a:gd name="connsiteX1" fmla="*/ 2330443 w 2331520"/>
              <a:gd name="connsiteY1" fmla="*/ 10174 h 6669297"/>
              <a:gd name="connsiteX2" fmla="*/ 2326700 w 2331520"/>
              <a:gd name="connsiteY2" fmla="*/ 6669297 h 6669297"/>
              <a:gd name="connsiteX3" fmla="*/ 94489 w 2331520"/>
              <a:gd name="connsiteY3" fmla="*/ 6667183 h 6669297"/>
              <a:gd name="connsiteX4" fmla="*/ 931671 w 2331520"/>
              <a:gd name="connsiteY4" fmla="*/ 0 h 6669297"/>
              <a:gd name="connsiteX0" fmla="*/ 931671 w 2326700"/>
              <a:gd name="connsiteY0" fmla="*/ 0 h 6669297"/>
              <a:gd name="connsiteX1" fmla="*/ 2321630 w 2326700"/>
              <a:gd name="connsiteY1" fmla="*/ 1361 h 6669297"/>
              <a:gd name="connsiteX2" fmla="*/ 2326700 w 2326700"/>
              <a:gd name="connsiteY2" fmla="*/ 6669297 h 6669297"/>
              <a:gd name="connsiteX3" fmla="*/ 94489 w 2326700"/>
              <a:gd name="connsiteY3" fmla="*/ 6667183 h 6669297"/>
              <a:gd name="connsiteX4" fmla="*/ 931671 w 2326700"/>
              <a:gd name="connsiteY4" fmla="*/ 0 h 6669297"/>
              <a:gd name="connsiteX0" fmla="*/ 931671 w 2326700"/>
              <a:gd name="connsiteY0" fmla="*/ 0 h 6669297"/>
              <a:gd name="connsiteX1" fmla="*/ 2321630 w 2326700"/>
              <a:gd name="connsiteY1" fmla="*/ 1361 h 6669297"/>
              <a:gd name="connsiteX2" fmla="*/ 2326700 w 2326700"/>
              <a:gd name="connsiteY2" fmla="*/ 6669297 h 6669297"/>
              <a:gd name="connsiteX3" fmla="*/ 94489 w 2326700"/>
              <a:gd name="connsiteY3" fmla="*/ 6667183 h 6669297"/>
              <a:gd name="connsiteX4" fmla="*/ 931671 w 2326700"/>
              <a:gd name="connsiteY4" fmla="*/ 0 h 6669297"/>
              <a:gd name="connsiteX0" fmla="*/ 956026 w 2351055"/>
              <a:gd name="connsiteY0" fmla="*/ 0 h 6669297"/>
              <a:gd name="connsiteX1" fmla="*/ 2345985 w 2351055"/>
              <a:gd name="connsiteY1" fmla="*/ 1361 h 6669297"/>
              <a:gd name="connsiteX2" fmla="*/ 2351055 w 2351055"/>
              <a:gd name="connsiteY2" fmla="*/ 6669297 h 6669297"/>
              <a:gd name="connsiteX3" fmla="*/ 118844 w 2351055"/>
              <a:gd name="connsiteY3" fmla="*/ 6667183 h 6669297"/>
              <a:gd name="connsiteX4" fmla="*/ 956026 w 2351055"/>
              <a:gd name="connsiteY4" fmla="*/ 0 h 6669297"/>
              <a:gd name="connsiteX0" fmla="*/ 936519 w 2331548"/>
              <a:gd name="connsiteY0" fmla="*/ 0 h 6669297"/>
              <a:gd name="connsiteX1" fmla="*/ 2326478 w 2331548"/>
              <a:gd name="connsiteY1" fmla="*/ 1361 h 6669297"/>
              <a:gd name="connsiteX2" fmla="*/ 2331548 w 2331548"/>
              <a:gd name="connsiteY2" fmla="*/ 6669297 h 6669297"/>
              <a:gd name="connsiteX3" fmla="*/ 99337 w 2331548"/>
              <a:gd name="connsiteY3" fmla="*/ 6667183 h 6669297"/>
              <a:gd name="connsiteX4" fmla="*/ 936519 w 2331548"/>
              <a:gd name="connsiteY4" fmla="*/ 0 h 6669297"/>
              <a:gd name="connsiteX0" fmla="*/ 943309 w 2338338"/>
              <a:gd name="connsiteY0" fmla="*/ 0 h 6669297"/>
              <a:gd name="connsiteX1" fmla="*/ 2333268 w 2338338"/>
              <a:gd name="connsiteY1" fmla="*/ 1361 h 6669297"/>
              <a:gd name="connsiteX2" fmla="*/ 2338338 w 2338338"/>
              <a:gd name="connsiteY2" fmla="*/ 6669297 h 6669297"/>
              <a:gd name="connsiteX3" fmla="*/ 106127 w 2338338"/>
              <a:gd name="connsiteY3" fmla="*/ 6667183 h 6669297"/>
              <a:gd name="connsiteX4" fmla="*/ 943309 w 2338338"/>
              <a:gd name="connsiteY4" fmla="*/ 0 h 6669297"/>
              <a:gd name="connsiteX0" fmla="*/ 951188 w 2337403"/>
              <a:gd name="connsiteY0" fmla="*/ 0 h 6669297"/>
              <a:gd name="connsiteX1" fmla="*/ 2332333 w 2337403"/>
              <a:gd name="connsiteY1" fmla="*/ 1361 h 6669297"/>
              <a:gd name="connsiteX2" fmla="*/ 2337403 w 2337403"/>
              <a:gd name="connsiteY2" fmla="*/ 6669297 h 6669297"/>
              <a:gd name="connsiteX3" fmla="*/ 105192 w 2337403"/>
              <a:gd name="connsiteY3" fmla="*/ 6667183 h 6669297"/>
              <a:gd name="connsiteX4" fmla="*/ 951188 w 2337403"/>
              <a:gd name="connsiteY4" fmla="*/ 0 h 6669297"/>
              <a:gd name="connsiteX0" fmla="*/ 964881 w 2351096"/>
              <a:gd name="connsiteY0" fmla="*/ 0 h 6669297"/>
              <a:gd name="connsiteX1" fmla="*/ 2346026 w 2351096"/>
              <a:gd name="connsiteY1" fmla="*/ 1361 h 6669297"/>
              <a:gd name="connsiteX2" fmla="*/ 2351096 w 2351096"/>
              <a:gd name="connsiteY2" fmla="*/ 6669297 h 6669297"/>
              <a:gd name="connsiteX3" fmla="*/ 118885 w 2351096"/>
              <a:gd name="connsiteY3" fmla="*/ 6667183 h 6669297"/>
              <a:gd name="connsiteX4" fmla="*/ 964881 w 2351096"/>
              <a:gd name="connsiteY4" fmla="*/ 0 h 6669297"/>
              <a:gd name="connsiteX0" fmla="*/ 964881 w 3544732"/>
              <a:gd name="connsiteY0" fmla="*/ 0 h 6669297"/>
              <a:gd name="connsiteX1" fmla="*/ 3544718 w 3544732"/>
              <a:gd name="connsiteY1" fmla="*/ 1361 h 6669297"/>
              <a:gd name="connsiteX2" fmla="*/ 2351096 w 3544732"/>
              <a:gd name="connsiteY2" fmla="*/ 6669297 h 6669297"/>
              <a:gd name="connsiteX3" fmla="*/ 118885 w 3544732"/>
              <a:gd name="connsiteY3" fmla="*/ 6667183 h 6669297"/>
              <a:gd name="connsiteX4" fmla="*/ 964881 w 3544732"/>
              <a:gd name="connsiteY4" fmla="*/ 0 h 6669297"/>
              <a:gd name="connsiteX0" fmla="*/ 964881 w 3545236"/>
              <a:gd name="connsiteY0" fmla="*/ 0 h 6678110"/>
              <a:gd name="connsiteX1" fmla="*/ 3544718 w 3545236"/>
              <a:gd name="connsiteY1" fmla="*/ 1361 h 6678110"/>
              <a:gd name="connsiteX2" fmla="*/ 3523346 w 3545236"/>
              <a:gd name="connsiteY2" fmla="*/ 6678110 h 6678110"/>
              <a:gd name="connsiteX3" fmla="*/ 118885 w 3545236"/>
              <a:gd name="connsiteY3" fmla="*/ 6667183 h 6678110"/>
              <a:gd name="connsiteX4" fmla="*/ 964881 w 3545236"/>
              <a:gd name="connsiteY4" fmla="*/ 0 h 6678110"/>
              <a:gd name="connsiteX0" fmla="*/ 902768 w 3483123"/>
              <a:gd name="connsiteY0" fmla="*/ 0 h 6678110"/>
              <a:gd name="connsiteX1" fmla="*/ 3482605 w 3483123"/>
              <a:gd name="connsiteY1" fmla="*/ 1361 h 6678110"/>
              <a:gd name="connsiteX2" fmla="*/ 3461233 w 3483123"/>
              <a:gd name="connsiteY2" fmla="*/ 6678110 h 6678110"/>
              <a:gd name="connsiteX3" fmla="*/ 127284 w 3483123"/>
              <a:gd name="connsiteY3" fmla="*/ 6667184 h 6678110"/>
              <a:gd name="connsiteX4" fmla="*/ 902768 w 3483123"/>
              <a:gd name="connsiteY4" fmla="*/ 0 h 6678110"/>
              <a:gd name="connsiteX0" fmla="*/ 902768 w 3483123"/>
              <a:gd name="connsiteY0" fmla="*/ 0 h 6678110"/>
              <a:gd name="connsiteX1" fmla="*/ 3482605 w 3483123"/>
              <a:gd name="connsiteY1" fmla="*/ 1361 h 6678110"/>
              <a:gd name="connsiteX2" fmla="*/ 3461233 w 3483123"/>
              <a:gd name="connsiteY2" fmla="*/ 6678110 h 6678110"/>
              <a:gd name="connsiteX3" fmla="*/ 127284 w 3483123"/>
              <a:gd name="connsiteY3" fmla="*/ 6667184 h 6678110"/>
              <a:gd name="connsiteX4" fmla="*/ 902768 w 3483123"/>
              <a:gd name="connsiteY4" fmla="*/ 0 h 6678110"/>
              <a:gd name="connsiteX0" fmla="*/ 902768 w 3483123"/>
              <a:gd name="connsiteY0" fmla="*/ 0 h 6667184"/>
              <a:gd name="connsiteX1" fmla="*/ 3482605 w 3483123"/>
              <a:gd name="connsiteY1" fmla="*/ 1361 h 6667184"/>
              <a:gd name="connsiteX2" fmla="*/ 3461233 w 3483123"/>
              <a:gd name="connsiteY2" fmla="*/ 6660483 h 6667184"/>
              <a:gd name="connsiteX3" fmla="*/ 127284 w 3483123"/>
              <a:gd name="connsiteY3" fmla="*/ 6667184 h 6667184"/>
              <a:gd name="connsiteX4" fmla="*/ 902768 w 3483123"/>
              <a:gd name="connsiteY4" fmla="*/ 0 h 6667184"/>
              <a:gd name="connsiteX0" fmla="*/ 902768 w 3466054"/>
              <a:gd name="connsiteY0" fmla="*/ 0 h 6667184"/>
              <a:gd name="connsiteX1" fmla="*/ 3464977 w 3466054"/>
              <a:gd name="connsiteY1" fmla="*/ 1361 h 6667184"/>
              <a:gd name="connsiteX2" fmla="*/ 3461233 w 3466054"/>
              <a:gd name="connsiteY2" fmla="*/ 6660483 h 6667184"/>
              <a:gd name="connsiteX3" fmla="*/ 127284 w 3466054"/>
              <a:gd name="connsiteY3" fmla="*/ 6667184 h 6667184"/>
              <a:gd name="connsiteX4" fmla="*/ 902768 w 3466054"/>
              <a:gd name="connsiteY4" fmla="*/ 0 h 6667184"/>
              <a:gd name="connsiteX0" fmla="*/ 902768 w 3466054"/>
              <a:gd name="connsiteY0" fmla="*/ 0 h 6678111"/>
              <a:gd name="connsiteX1" fmla="*/ 3464977 w 3466054"/>
              <a:gd name="connsiteY1" fmla="*/ 1361 h 6678111"/>
              <a:gd name="connsiteX2" fmla="*/ 3461233 w 3466054"/>
              <a:gd name="connsiteY2" fmla="*/ 6678111 h 6678111"/>
              <a:gd name="connsiteX3" fmla="*/ 127284 w 3466054"/>
              <a:gd name="connsiteY3" fmla="*/ 6667184 h 6678111"/>
              <a:gd name="connsiteX4" fmla="*/ 902768 w 3466054"/>
              <a:gd name="connsiteY4" fmla="*/ 0 h 6678111"/>
              <a:gd name="connsiteX0" fmla="*/ 892139 w 3455425"/>
              <a:gd name="connsiteY0" fmla="*/ 0 h 6678111"/>
              <a:gd name="connsiteX1" fmla="*/ 3454348 w 3455425"/>
              <a:gd name="connsiteY1" fmla="*/ 1361 h 6678111"/>
              <a:gd name="connsiteX2" fmla="*/ 3450604 w 3455425"/>
              <a:gd name="connsiteY2" fmla="*/ 6678111 h 6678111"/>
              <a:gd name="connsiteX3" fmla="*/ 116655 w 3455425"/>
              <a:gd name="connsiteY3" fmla="*/ 6667184 h 6678111"/>
              <a:gd name="connsiteX4" fmla="*/ 892139 w 3455425"/>
              <a:gd name="connsiteY4" fmla="*/ 0 h 6678111"/>
              <a:gd name="connsiteX0" fmla="*/ 899884 w 3463170"/>
              <a:gd name="connsiteY0" fmla="*/ 0 h 6678111"/>
              <a:gd name="connsiteX1" fmla="*/ 3462093 w 3463170"/>
              <a:gd name="connsiteY1" fmla="*/ 1361 h 6678111"/>
              <a:gd name="connsiteX2" fmla="*/ 3458349 w 3463170"/>
              <a:gd name="connsiteY2" fmla="*/ 6678111 h 6678111"/>
              <a:gd name="connsiteX3" fmla="*/ 115586 w 3463170"/>
              <a:gd name="connsiteY3" fmla="*/ 6667185 h 6678111"/>
              <a:gd name="connsiteX4" fmla="*/ 899884 w 3463170"/>
              <a:gd name="connsiteY4" fmla="*/ 0 h 6678111"/>
              <a:gd name="connsiteX0" fmla="*/ 899884 w 3463170"/>
              <a:gd name="connsiteY0" fmla="*/ 0 h 6669296"/>
              <a:gd name="connsiteX1" fmla="*/ 3462093 w 3463170"/>
              <a:gd name="connsiteY1" fmla="*/ 1361 h 6669296"/>
              <a:gd name="connsiteX2" fmla="*/ 3458349 w 3463170"/>
              <a:gd name="connsiteY2" fmla="*/ 6669296 h 6669296"/>
              <a:gd name="connsiteX3" fmla="*/ 115586 w 3463170"/>
              <a:gd name="connsiteY3" fmla="*/ 6667185 h 6669296"/>
              <a:gd name="connsiteX4" fmla="*/ 899884 w 3463170"/>
              <a:gd name="connsiteY4" fmla="*/ 0 h 6669296"/>
              <a:gd name="connsiteX0" fmla="*/ 899884 w 3464455"/>
              <a:gd name="connsiteY0" fmla="*/ 0 h 6675403"/>
              <a:gd name="connsiteX1" fmla="*/ 3462093 w 3464455"/>
              <a:gd name="connsiteY1" fmla="*/ 1361 h 6675403"/>
              <a:gd name="connsiteX2" fmla="*/ 3464455 w 3464455"/>
              <a:gd name="connsiteY2" fmla="*/ 6675403 h 6675403"/>
              <a:gd name="connsiteX3" fmla="*/ 115586 w 3464455"/>
              <a:gd name="connsiteY3" fmla="*/ 6667185 h 6675403"/>
              <a:gd name="connsiteX4" fmla="*/ 899884 w 3464455"/>
              <a:gd name="connsiteY4" fmla="*/ 0 h 6675403"/>
              <a:gd name="connsiteX0" fmla="*/ 899884 w 3476668"/>
              <a:gd name="connsiteY0" fmla="*/ 0 h 6669296"/>
              <a:gd name="connsiteX1" fmla="*/ 3462093 w 3476668"/>
              <a:gd name="connsiteY1" fmla="*/ 1361 h 6669296"/>
              <a:gd name="connsiteX2" fmla="*/ 3476668 w 3476668"/>
              <a:gd name="connsiteY2" fmla="*/ 6669296 h 6669296"/>
              <a:gd name="connsiteX3" fmla="*/ 115586 w 3476668"/>
              <a:gd name="connsiteY3" fmla="*/ 6667185 h 6669296"/>
              <a:gd name="connsiteX4" fmla="*/ 899884 w 3476668"/>
              <a:gd name="connsiteY4" fmla="*/ 0 h 6669296"/>
              <a:gd name="connsiteX0" fmla="*/ 899884 w 3488881"/>
              <a:gd name="connsiteY0" fmla="*/ 0 h 6667185"/>
              <a:gd name="connsiteX1" fmla="*/ 3462093 w 3488881"/>
              <a:gd name="connsiteY1" fmla="*/ 1361 h 6667185"/>
              <a:gd name="connsiteX2" fmla="*/ 3488881 w 3488881"/>
              <a:gd name="connsiteY2" fmla="*/ 6657083 h 6667185"/>
              <a:gd name="connsiteX3" fmla="*/ 115586 w 3488881"/>
              <a:gd name="connsiteY3" fmla="*/ 6667185 h 6667185"/>
              <a:gd name="connsiteX4" fmla="*/ 899884 w 3488881"/>
              <a:gd name="connsiteY4" fmla="*/ 0 h 6667185"/>
              <a:gd name="connsiteX0" fmla="*/ 899884 w 3494987"/>
              <a:gd name="connsiteY0" fmla="*/ 0 h 6669296"/>
              <a:gd name="connsiteX1" fmla="*/ 3462093 w 3494987"/>
              <a:gd name="connsiteY1" fmla="*/ 1361 h 6669296"/>
              <a:gd name="connsiteX2" fmla="*/ 3494987 w 3494987"/>
              <a:gd name="connsiteY2" fmla="*/ 6669296 h 6669296"/>
              <a:gd name="connsiteX3" fmla="*/ 115586 w 3494987"/>
              <a:gd name="connsiteY3" fmla="*/ 6667185 h 6669296"/>
              <a:gd name="connsiteX4" fmla="*/ 899884 w 3494987"/>
              <a:gd name="connsiteY4" fmla="*/ 0 h 6669296"/>
              <a:gd name="connsiteX0" fmla="*/ 899884 w 3494987"/>
              <a:gd name="connsiteY0" fmla="*/ 0 h 6681509"/>
              <a:gd name="connsiteX1" fmla="*/ 3462093 w 3494987"/>
              <a:gd name="connsiteY1" fmla="*/ 1361 h 6681509"/>
              <a:gd name="connsiteX2" fmla="*/ 3494987 w 3494987"/>
              <a:gd name="connsiteY2" fmla="*/ 6681509 h 6681509"/>
              <a:gd name="connsiteX3" fmla="*/ 115586 w 3494987"/>
              <a:gd name="connsiteY3" fmla="*/ 6667185 h 6681509"/>
              <a:gd name="connsiteX4" fmla="*/ 899884 w 3494987"/>
              <a:gd name="connsiteY4" fmla="*/ 0 h 6681509"/>
              <a:gd name="connsiteX0" fmla="*/ 899884 w 3494987"/>
              <a:gd name="connsiteY0" fmla="*/ 0 h 6675403"/>
              <a:gd name="connsiteX1" fmla="*/ 3462093 w 3494987"/>
              <a:gd name="connsiteY1" fmla="*/ 1361 h 6675403"/>
              <a:gd name="connsiteX2" fmla="*/ 3494987 w 3494987"/>
              <a:gd name="connsiteY2" fmla="*/ 6675403 h 6675403"/>
              <a:gd name="connsiteX3" fmla="*/ 115586 w 3494987"/>
              <a:gd name="connsiteY3" fmla="*/ 6667185 h 6675403"/>
              <a:gd name="connsiteX4" fmla="*/ 899884 w 3494987"/>
              <a:gd name="connsiteY4" fmla="*/ 0 h 6675403"/>
              <a:gd name="connsiteX0" fmla="*/ 899884 w 3494987"/>
              <a:gd name="connsiteY0" fmla="*/ 0 h 6667185"/>
              <a:gd name="connsiteX1" fmla="*/ 3462093 w 3494987"/>
              <a:gd name="connsiteY1" fmla="*/ 1361 h 6667185"/>
              <a:gd name="connsiteX2" fmla="*/ 3494987 w 3494987"/>
              <a:gd name="connsiteY2" fmla="*/ 6663190 h 6667185"/>
              <a:gd name="connsiteX3" fmla="*/ 115586 w 3494987"/>
              <a:gd name="connsiteY3" fmla="*/ 6667185 h 6667185"/>
              <a:gd name="connsiteX4" fmla="*/ 899884 w 3494987"/>
              <a:gd name="connsiteY4" fmla="*/ 0 h 6667185"/>
              <a:gd name="connsiteX0" fmla="*/ 899884 w 3494987"/>
              <a:gd name="connsiteY0" fmla="*/ 0 h 6667185"/>
              <a:gd name="connsiteX1" fmla="*/ 3462093 w 3494987"/>
              <a:gd name="connsiteY1" fmla="*/ 1361 h 6667185"/>
              <a:gd name="connsiteX2" fmla="*/ 3494987 w 3494987"/>
              <a:gd name="connsiteY2" fmla="*/ 6663190 h 6667185"/>
              <a:gd name="connsiteX3" fmla="*/ 115586 w 3494987"/>
              <a:gd name="connsiteY3" fmla="*/ 6667185 h 6667185"/>
              <a:gd name="connsiteX4" fmla="*/ 899884 w 3494987"/>
              <a:gd name="connsiteY4" fmla="*/ 0 h 6667185"/>
              <a:gd name="connsiteX0" fmla="*/ 899884 w 3494987"/>
              <a:gd name="connsiteY0" fmla="*/ 0 h 6667185"/>
              <a:gd name="connsiteX1" fmla="*/ 3462093 w 3494987"/>
              <a:gd name="connsiteY1" fmla="*/ 1361 h 6667185"/>
              <a:gd name="connsiteX2" fmla="*/ 3494987 w 3494987"/>
              <a:gd name="connsiteY2" fmla="*/ 6663190 h 6667185"/>
              <a:gd name="connsiteX3" fmla="*/ 115586 w 3494987"/>
              <a:gd name="connsiteY3" fmla="*/ 6667185 h 6667185"/>
              <a:gd name="connsiteX4" fmla="*/ 899884 w 3494987"/>
              <a:gd name="connsiteY4" fmla="*/ 0 h 6667185"/>
              <a:gd name="connsiteX0" fmla="*/ 899884 w 3494987"/>
              <a:gd name="connsiteY0" fmla="*/ 0 h 6681509"/>
              <a:gd name="connsiteX1" fmla="*/ 3462093 w 3494987"/>
              <a:gd name="connsiteY1" fmla="*/ 1361 h 6681509"/>
              <a:gd name="connsiteX2" fmla="*/ 3494987 w 3494987"/>
              <a:gd name="connsiteY2" fmla="*/ 6681509 h 6681509"/>
              <a:gd name="connsiteX3" fmla="*/ 115586 w 3494987"/>
              <a:gd name="connsiteY3" fmla="*/ 6667185 h 6681509"/>
              <a:gd name="connsiteX4" fmla="*/ 899884 w 3494987"/>
              <a:gd name="connsiteY4" fmla="*/ 0 h 6681509"/>
              <a:gd name="connsiteX0" fmla="*/ 899884 w 3494987"/>
              <a:gd name="connsiteY0" fmla="*/ 0 h 6687616"/>
              <a:gd name="connsiteX1" fmla="*/ 3462093 w 3494987"/>
              <a:gd name="connsiteY1" fmla="*/ 1361 h 6687616"/>
              <a:gd name="connsiteX2" fmla="*/ 3494987 w 3494987"/>
              <a:gd name="connsiteY2" fmla="*/ 6687616 h 6687616"/>
              <a:gd name="connsiteX3" fmla="*/ 115586 w 3494987"/>
              <a:gd name="connsiteY3" fmla="*/ 6667185 h 6687616"/>
              <a:gd name="connsiteX4" fmla="*/ 899884 w 3494987"/>
              <a:gd name="connsiteY4" fmla="*/ 0 h 6687616"/>
              <a:gd name="connsiteX0" fmla="*/ 899884 w 3494987"/>
              <a:gd name="connsiteY0" fmla="*/ 0 h 6681509"/>
              <a:gd name="connsiteX1" fmla="*/ 3462093 w 3494987"/>
              <a:gd name="connsiteY1" fmla="*/ 1361 h 6681509"/>
              <a:gd name="connsiteX2" fmla="*/ 3494987 w 3494987"/>
              <a:gd name="connsiteY2" fmla="*/ 6681509 h 6681509"/>
              <a:gd name="connsiteX3" fmla="*/ 115586 w 3494987"/>
              <a:gd name="connsiteY3" fmla="*/ 6667185 h 6681509"/>
              <a:gd name="connsiteX4" fmla="*/ 899884 w 3494987"/>
              <a:gd name="connsiteY4" fmla="*/ 0 h 6681509"/>
              <a:gd name="connsiteX0" fmla="*/ 899884 w 3494987"/>
              <a:gd name="connsiteY0" fmla="*/ 0 h 6675402"/>
              <a:gd name="connsiteX1" fmla="*/ 3462093 w 3494987"/>
              <a:gd name="connsiteY1" fmla="*/ 1361 h 6675402"/>
              <a:gd name="connsiteX2" fmla="*/ 3494987 w 3494987"/>
              <a:gd name="connsiteY2" fmla="*/ 6675402 h 6675402"/>
              <a:gd name="connsiteX3" fmla="*/ 115586 w 3494987"/>
              <a:gd name="connsiteY3" fmla="*/ 6667185 h 6675402"/>
              <a:gd name="connsiteX4" fmla="*/ 899884 w 3494987"/>
              <a:gd name="connsiteY4" fmla="*/ 0 h 6675402"/>
              <a:gd name="connsiteX0" fmla="*/ 899884 w 3494987"/>
              <a:gd name="connsiteY0" fmla="*/ 0 h 6667185"/>
              <a:gd name="connsiteX1" fmla="*/ 3462093 w 3494987"/>
              <a:gd name="connsiteY1" fmla="*/ 1361 h 6667185"/>
              <a:gd name="connsiteX2" fmla="*/ 3494987 w 3494987"/>
              <a:gd name="connsiteY2" fmla="*/ 6663189 h 6667185"/>
              <a:gd name="connsiteX3" fmla="*/ 115586 w 3494987"/>
              <a:gd name="connsiteY3" fmla="*/ 6667185 h 6667185"/>
              <a:gd name="connsiteX4" fmla="*/ 899884 w 3494987"/>
              <a:gd name="connsiteY4" fmla="*/ 0 h 6667185"/>
              <a:gd name="connsiteX0" fmla="*/ 899884 w 3494987"/>
              <a:gd name="connsiteY0" fmla="*/ 0 h 6675402"/>
              <a:gd name="connsiteX1" fmla="*/ 3462093 w 3494987"/>
              <a:gd name="connsiteY1" fmla="*/ 1361 h 6675402"/>
              <a:gd name="connsiteX2" fmla="*/ 3494987 w 3494987"/>
              <a:gd name="connsiteY2" fmla="*/ 6675402 h 6675402"/>
              <a:gd name="connsiteX3" fmla="*/ 115586 w 3494987"/>
              <a:gd name="connsiteY3" fmla="*/ 6667185 h 6675402"/>
              <a:gd name="connsiteX4" fmla="*/ 899884 w 3494987"/>
              <a:gd name="connsiteY4" fmla="*/ 0 h 6675402"/>
              <a:gd name="connsiteX0" fmla="*/ 899884 w 3494987"/>
              <a:gd name="connsiteY0" fmla="*/ 0 h 6675402"/>
              <a:gd name="connsiteX1" fmla="*/ 3474306 w 3494987"/>
              <a:gd name="connsiteY1" fmla="*/ 1361 h 6675402"/>
              <a:gd name="connsiteX2" fmla="*/ 3494987 w 3494987"/>
              <a:gd name="connsiteY2" fmla="*/ 6675402 h 6675402"/>
              <a:gd name="connsiteX3" fmla="*/ 115586 w 3494987"/>
              <a:gd name="connsiteY3" fmla="*/ 6667185 h 6675402"/>
              <a:gd name="connsiteX4" fmla="*/ 899884 w 3494987"/>
              <a:gd name="connsiteY4" fmla="*/ 0 h 6675402"/>
              <a:gd name="connsiteX0" fmla="*/ 899884 w 3495480"/>
              <a:gd name="connsiteY0" fmla="*/ 0 h 6675402"/>
              <a:gd name="connsiteX1" fmla="*/ 3493944 w 3495480"/>
              <a:gd name="connsiteY1" fmla="*/ 1361 h 6675402"/>
              <a:gd name="connsiteX2" fmla="*/ 3494987 w 3495480"/>
              <a:gd name="connsiteY2" fmla="*/ 6675402 h 6675402"/>
              <a:gd name="connsiteX3" fmla="*/ 115586 w 3495480"/>
              <a:gd name="connsiteY3" fmla="*/ 6667185 h 6675402"/>
              <a:gd name="connsiteX4" fmla="*/ 899884 w 3495480"/>
              <a:gd name="connsiteY4" fmla="*/ 0 h 6675402"/>
              <a:gd name="connsiteX0" fmla="*/ 899884 w 3495480"/>
              <a:gd name="connsiteY0" fmla="*/ 0 h 6677085"/>
              <a:gd name="connsiteX1" fmla="*/ 3493944 w 3495480"/>
              <a:gd name="connsiteY1" fmla="*/ 1361 h 6677085"/>
              <a:gd name="connsiteX2" fmla="*/ 3494987 w 3495480"/>
              <a:gd name="connsiteY2" fmla="*/ 6675402 h 6677085"/>
              <a:gd name="connsiteX3" fmla="*/ 115586 w 3495480"/>
              <a:gd name="connsiteY3" fmla="*/ 6677085 h 6677085"/>
              <a:gd name="connsiteX4" fmla="*/ 899884 w 3495480"/>
              <a:gd name="connsiteY4" fmla="*/ 0 h 667708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95480" h="6677085">
                <a:moveTo>
                  <a:pt x="899884" y="0"/>
                </a:moveTo>
                <a:lnTo>
                  <a:pt x="3493944" y="1361"/>
                </a:lnTo>
                <a:cubicBezTo>
                  <a:pt x="3498810" y="2226880"/>
                  <a:pt x="3490121" y="4449883"/>
                  <a:pt x="3494987" y="6675402"/>
                </a:cubicBezTo>
                <a:lnTo>
                  <a:pt x="115586" y="6677085"/>
                </a:lnTo>
                <a:cubicBezTo>
                  <a:pt x="-256472" y="4215537"/>
                  <a:pt x="340664" y="1394484"/>
                  <a:pt x="899884" y="0"/>
                </a:cubicBezTo>
                <a:close/>
              </a:path>
            </a:pathLst>
          </a:custGeom>
          <a:blipFill>
            <a:blip r:embed="rId13"/>
            <a:srcRect/>
            <a:stretch>
              <a:fillRect l="-121923" r="-121923"/>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8" name="TextBox 7">
            <a:extLst>
              <a:ext uri="{FF2B5EF4-FFF2-40B4-BE49-F238E27FC236}">
                <a16:creationId xmlns:a16="http://schemas.microsoft.com/office/drawing/2014/main" id="{269CCA50-2622-FB9E-5526-DA7D6EA10F62}"/>
              </a:ext>
            </a:extLst>
          </p:cNvPr>
          <p:cNvSpPr txBox="1"/>
          <p:nvPr/>
        </p:nvSpPr>
        <p:spPr>
          <a:xfrm>
            <a:off x="407368" y="2974241"/>
            <a:ext cx="1152128" cy="523220"/>
          </a:xfrm>
          <a:prstGeom prst="rect">
            <a:avLst/>
          </a:prstGeom>
          <a:noFill/>
        </p:spPr>
        <p:txBody>
          <a:bodyPr wrap="square" rtlCol="0">
            <a:spAutoFit/>
          </a:bodyPr>
          <a:lstStyle/>
          <a:p>
            <a:pPr algn="l"/>
            <a:r>
              <a:rPr lang="en-GB" sz="2800" b="1" dirty="0">
                <a:latin typeface="+mn-lt"/>
              </a:rPr>
              <a:t>Entry</a:t>
            </a:r>
          </a:p>
        </p:txBody>
      </p:sp>
      <p:sp>
        <p:nvSpPr>
          <p:cNvPr id="9" name="TextBox 8">
            <a:extLst>
              <a:ext uri="{FF2B5EF4-FFF2-40B4-BE49-F238E27FC236}">
                <a16:creationId xmlns:a16="http://schemas.microsoft.com/office/drawing/2014/main" id="{73AA8391-B3BE-ECAC-B82E-51BA43A521A0}"/>
              </a:ext>
            </a:extLst>
          </p:cNvPr>
          <p:cNvSpPr txBox="1"/>
          <p:nvPr/>
        </p:nvSpPr>
        <p:spPr>
          <a:xfrm>
            <a:off x="407368" y="4674847"/>
            <a:ext cx="1152128" cy="523220"/>
          </a:xfrm>
          <a:prstGeom prst="rect">
            <a:avLst/>
          </a:prstGeom>
          <a:noFill/>
        </p:spPr>
        <p:txBody>
          <a:bodyPr wrap="square" rtlCol="0">
            <a:spAutoFit/>
          </a:bodyPr>
          <a:lstStyle/>
          <a:p>
            <a:pPr algn="l"/>
            <a:r>
              <a:rPr lang="en-GB" sz="2800" b="1" dirty="0">
                <a:latin typeface="+mn-lt"/>
              </a:rPr>
              <a:t>Exit</a:t>
            </a:r>
          </a:p>
        </p:txBody>
      </p:sp>
    </p:spTree>
    <p:extLst>
      <p:ext uri="{BB962C8B-B14F-4D97-AF65-F5344CB8AC3E}">
        <p14:creationId xmlns:p14="http://schemas.microsoft.com/office/powerpoint/2010/main" val="347274089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1E1788-C76D-7420-5856-0A3E073FF89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DB9E234-46DF-2B42-3E99-9A4BA20DDD1E}"/>
              </a:ext>
            </a:extLst>
          </p:cNvPr>
          <p:cNvSpPr>
            <a:spLocks noGrp="1"/>
          </p:cNvSpPr>
          <p:nvPr>
            <p:ph type="title"/>
          </p:nvPr>
        </p:nvSpPr>
        <p:spPr/>
        <p:txBody>
          <a:bodyPr/>
          <a:lstStyle/>
          <a:p>
            <a:r>
              <a:rPr lang="en-GB" dirty="0"/>
              <a:t>Do the parties agree whether TUPE applies?</a:t>
            </a:r>
          </a:p>
        </p:txBody>
      </p:sp>
      <p:grpSp>
        <p:nvGrpSpPr>
          <p:cNvPr id="46" name="Group 45">
            <a:extLst>
              <a:ext uri="{FF2B5EF4-FFF2-40B4-BE49-F238E27FC236}">
                <a16:creationId xmlns:a16="http://schemas.microsoft.com/office/drawing/2014/main" id="{534F936F-2EBA-A208-47D3-BBD38781FDB2}"/>
              </a:ext>
            </a:extLst>
          </p:cNvPr>
          <p:cNvGrpSpPr/>
          <p:nvPr/>
        </p:nvGrpSpPr>
        <p:grpSpPr>
          <a:xfrm>
            <a:off x="2233991" y="1578723"/>
            <a:ext cx="3009600" cy="3960441"/>
            <a:chOff x="413281" y="1556792"/>
            <a:chExt cx="3009600" cy="3960441"/>
          </a:xfrm>
        </p:grpSpPr>
        <p:sp>
          <p:nvSpPr>
            <p:cNvPr id="34" name="Free-form: Shape 33">
              <a:extLst>
                <a:ext uri="{FF2B5EF4-FFF2-40B4-BE49-F238E27FC236}">
                  <a16:creationId xmlns:a16="http://schemas.microsoft.com/office/drawing/2014/main" id="{2229F953-C394-6B85-01C2-86CF54846510}"/>
                </a:ext>
              </a:extLst>
            </p:cNvPr>
            <p:cNvSpPr/>
            <p:nvPr/>
          </p:nvSpPr>
          <p:spPr>
            <a:xfrm>
              <a:off x="413281" y="1556792"/>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TUPE</a:t>
              </a:r>
            </a:p>
          </p:txBody>
        </p:sp>
        <p:sp>
          <p:nvSpPr>
            <p:cNvPr id="35" name="Free-form: Shape 34">
              <a:extLst>
                <a:ext uri="{FF2B5EF4-FFF2-40B4-BE49-F238E27FC236}">
                  <a16:creationId xmlns:a16="http://schemas.microsoft.com/office/drawing/2014/main" id="{2F89E8DC-33B2-E071-67EA-116313767FAD}"/>
                </a:ext>
              </a:extLst>
            </p:cNvPr>
            <p:cNvSpPr/>
            <p:nvPr/>
          </p:nvSpPr>
          <p:spPr>
            <a:xfrm>
              <a:off x="672257" y="2851670"/>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36" name="Free-form: Shape 35">
              <a:extLst>
                <a:ext uri="{FF2B5EF4-FFF2-40B4-BE49-F238E27FC236}">
                  <a16:creationId xmlns:a16="http://schemas.microsoft.com/office/drawing/2014/main" id="{81222C50-56B9-EFA7-DC6C-E8BEADA0142E}"/>
                </a:ext>
              </a:extLst>
            </p:cNvPr>
            <p:cNvSpPr/>
            <p:nvPr/>
          </p:nvSpPr>
          <p:spPr>
            <a:xfrm>
              <a:off x="931232" y="3175389"/>
              <a:ext cx="2491649" cy="2341844"/>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kern="1200" dirty="0"/>
                <a:t>Applies by operation of law – cannot contract out of it applying</a:t>
              </a:r>
            </a:p>
            <a:p>
              <a:pPr marL="0" lvl="0" indent="0" algn="ctr" defTabSz="800100">
                <a:lnSpc>
                  <a:spcPct val="90000"/>
                </a:lnSpc>
                <a:spcBef>
                  <a:spcPct val="0"/>
                </a:spcBef>
                <a:spcAft>
                  <a:spcPct val="35000"/>
                </a:spcAft>
                <a:buNone/>
              </a:pPr>
              <a:r>
                <a:rPr lang="en-GB" sz="1800" dirty="0"/>
                <a:t>May be unclear whether TUPE applies, e.g. if there is fragmentation</a:t>
              </a:r>
              <a:endParaRPr lang="en-GB" sz="1800" kern="1200" dirty="0"/>
            </a:p>
          </p:txBody>
        </p:sp>
      </p:grpSp>
      <p:grpSp>
        <p:nvGrpSpPr>
          <p:cNvPr id="45" name="Group 44">
            <a:extLst>
              <a:ext uri="{FF2B5EF4-FFF2-40B4-BE49-F238E27FC236}">
                <a16:creationId xmlns:a16="http://schemas.microsoft.com/office/drawing/2014/main" id="{2698A06C-3DAA-A741-1248-2C2BCCED4F6C}"/>
              </a:ext>
            </a:extLst>
          </p:cNvPr>
          <p:cNvGrpSpPr/>
          <p:nvPr/>
        </p:nvGrpSpPr>
        <p:grpSpPr>
          <a:xfrm>
            <a:off x="7151307" y="1576967"/>
            <a:ext cx="3009600" cy="3962197"/>
            <a:chOff x="4698791" y="1880511"/>
            <a:chExt cx="3009600" cy="3962197"/>
          </a:xfrm>
        </p:grpSpPr>
        <p:sp>
          <p:nvSpPr>
            <p:cNvPr id="38" name="Free-form: Shape 37">
              <a:extLst>
                <a:ext uri="{FF2B5EF4-FFF2-40B4-BE49-F238E27FC236}">
                  <a16:creationId xmlns:a16="http://schemas.microsoft.com/office/drawing/2014/main" id="{F700638C-68CA-6DB8-B599-85DE86E2A3D0}"/>
                </a:ext>
              </a:extLst>
            </p:cNvPr>
            <p:cNvSpPr/>
            <p:nvPr/>
          </p:nvSpPr>
          <p:spPr>
            <a:xfrm>
              <a:off x="4698791" y="1880511"/>
              <a:ext cx="2491649" cy="1294878"/>
            </a:xfrm>
            <a:custGeom>
              <a:avLst/>
              <a:gdLst>
                <a:gd name="connsiteX0" fmla="*/ 0 w 2589756"/>
                <a:gd name="connsiteY0" fmla="*/ 129488 h 1294878"/>
                <a:gd name="connsiteX1" fmla="*/ 129488 w 2589756"/>
                <a:gd name="connsiteY1" fmla="*/ 0 h 1294878"/>
                <a:gd name="connsiteX2" fmla="*/ 2460268 w 2589756"/>
                <a:gd name="connsiteY2" fmla="*/ 0 h 1294878"/>
                <a:gd name="connsiteX3" fmla="*/ 2589756 w 2589756"/>
                <a:gd name="connsiteY3" fmla="*/ 129488 h 1294878"/>
                <a:gd name="connsiteX4" fmla="*/ 2589756 w 2589756"/>
                <a:gd name="connsiteY4" fmla="*/ 1165390 h 1294878"/>
                <a:gd name="connsiteX5" fmla="*/ 2460268 w 2589756"/>
                <a:gd name="connsiteY5" fmla="*/ 1294878 h 1294878"/>
                <a:gd name="connsiteX6" fmla="*/ 129488 w 2589756"/>
                <a:gd name="connsiteY6" fmla="*/ 1294878 h 1294878"/>
                <a:gd name="connsiteX7" fmla="*/ 0 w 2589756"/>
                <a:gd name="connsiteY7" fmla="*/ 1165390 h 1294878"/>
                <a:gd name="connsiteX8" fmla="*/ 0 w 2589756"/>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89756" h="1294878">
                  <a:moveTo>
                    <a:pt x="0" y="129488"/>
                  </a:moveTo>
                  <a:cubicBezTo>
                    <a:pt x="0" y="57974"/>
                    <a:pt x="57974" y="0"/>
                    <a:pt x="129488" y="0"/>
                  </a:cubicBezTo>
                  <a:lnTo>
                    <a:pt x="2460268" y="0"/>
                  </a:lnTo>
                  <a:cubicBezTo>
                    <a:pt x="2531782" y="0"/>
                    <a:pt x="2589756" y="57974"/>
                    <a:pt x="2589756" y="129488"/>
                  </a:cubicBezTo>
                  <a:lnTo>
                    <a:pt x="2589756" y="1165390"/>
                  </a:lnTo>
                  <a:cubicBezTo>
                    <a:pt x="2589756" y="1236904"/>
                    <a:pt x="2531782" y="1294878"/>
                    <a:pt x="2460268" y="1294878"/>
                  </a:cubicBezTo>
                  <a:lnTo>
                    <a:pt x="129488" y="1294878"/>
                  </a:lnTo>
                  <a:cubicBezTo>
                    <a:pt x="57974" y="1294878"/>
                    <a:pt x="0" y="1236904"/>
                    <a:pt x="0" y="1165390"/>
                  </a:cubicBezTo>
                  <a:lnTo>
                    <a:pt x="0" y="129488"/>
                  </a:ln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72216" tIns="60786" rIns="72216" bIns="60786" numCol="1" spcCol="1270" anchor="ctr" anchorCtr="0">
              <a:noAutofit/>
            </a:bodyPr>
            <a:lstStyle/>
            <a:p>
              <a:pPr lvl="0" algn="ctr" defTabSz="622300">
                <a:lnSpc>
                  <a:spcPct val="90000"/>
                </a:lnSpc>
                <a:spcAft>
                  <a:spcPct val="35000"/>
                </a:spcAft>
              </a:pPr>
              <a:r>
                <a:rPr lang="en-GB" sz="1800" b="1" dirty="0"/>
                <a:t>Commercial Position</a:t>
              </a:r>
            </a:p>
          </p:txBody>
        </p:sp>
        <p:sp>
          <p:nvSpPr>
            <p:cNvPr id="39" name="Free-form: Shape 38">
              <a:extLst>
                <a:ext uri="{FF2B5EF4-FFF2-40B4-BE49-F238E27FC236}">
                  <a16:creationId xmlns:a16="http://schemas.microsoft.com/office/drawing/2014/main" id="{CDA8408E-D958-F724-A306-EE22BCDFE1C6}"/>
                </a:ext>
              </a:extLst>
            </p:cNvPr>
            <p:cNvSpPr/>
            <p:nvPr/>
          </p:nvSpPr>
          <p:spPr>
            <a:xfrm>
              <a:off x="4957767" y="3175389"/>
              <a:ext cx="258975" cy="971158"/>
            </a:xfrm>
            <a:custGeom>
              <a:avLst/>
              <a:gdLst/>
              <a:ahLst/>
              <a:cxnLst/>
              <a:rect l="0" t="0" r="0" b="0"/>
              <a:pathLst>
                <a:path>
                  <a:moveTo>
                    <a:pt x="0" y="0"/>
                  </a:moveTo>
                  <a:lnTo>
                    <a:pt x="0" y="971158"/>
                  </a:lnTo>
                  <a:lnTo>
                    <a:pt x="258975" y="971158"/>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txBody>
            <a:bodyPr/>
            <a:lstStyle/>
            <a:p>
              <a:endParaRPr lang="en-GB"/>
            </a:p>
          </p:txBody>
        </p:sp>
        <p:sp>
          <p:nvSpPr>
            <p:cNvPr id="40" name="Free-form: Shape 39">
              <a:extLst>
                <a:ext uri="{FF2B5EF4-FFF2-40B4-BE49-F238E27FC236}">
                  <a16:creationId xmlns:a16="http://schemas.microsoft.com/office/drawing/2014/main" id="{C106BEA5-C82B-3977-3BAB-CF4028657365}"/>
                </a:ext>
              </a:extLst>
            </p:cNvPr>
            <p:cNvSpPr/>
            <p:nvPr/>
          </p:nvSpPr>
          <p:spPr>
            <a:xfrm>
              <a:off x="5216742" y="3499108"/>
              <a:ext cx="2491649" cy="2343600"/>
            </a:xfrm>
            <a:custGeom>
              <a:avLst/>
              <a:gdLst>
                <a:gd name="connsiteX0" fmla="*/ 0 w 2071805"/>
                <a:gd name="connsiteY0" fmla="*/ 129488 h 1294878"/>
                <a:gd name="connsiteX1" fmla="*/ 129488 w 2071805"/>
                <a:gd name="connsiteY1" fmla="*/ 0 h 1294878"/>
                <a:gd name="connsiteX2" fmla="*/ 1942317 w 2071805"/>
                <a:gd name="connsiteY2" fmla="*/ 0 h 1294878"/>
                <a:gd name="connsiteX3" fmla="*/ 2071805 w 2071805"/>
                <a:gd name="connsiteY3" fmla="*/ 129488 h 1294878"/>
                <a:gd name="connsiteX4" fmla="*/ 2071805 w 2071805"/>
                <a:gd name="connsiteY4" fmla="*/ 1165390 h 1294878"/>
                <a:gd name="connsiteX5" fmla="*/ 1942317 w 2071805"/>
                <a:gd name="connsiteY5" fmla="*/ 1294878 h 1294878"/>
                <a:gd name="connsiteX6" fmla="*/ 129488 w 2071805"/>
                <a:gd name="connsiteY6" fmla="*/ 1294878 h 1294878"/>
                <a:gd name="connsiteX7" fmla="*/ 0 w 2071805"/>
                <a:gd name="connsiteY7" fmla="*/ 1165390 h 1294878"/>
                <a:gd name="connsiteX8" fmla="*/ 0 w 2071805"/>
                <a:gd name="connsiteY8" fmla="*/ 129488 h 1294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71805" h="1294878">
                  <a:moveTo>
                    <a:pt x="0" y="129488"/>
                  </a:moveTo>
                  <a:cubicBezTo>
                    <a:pt x="0" y="57974"/>
                    <a:pt x="57974" y="0"/>
                    <a:pt x="129488" y="0"/>
                  </a:cubicBezTo>
                  <a:lnTo>
                    <a:pt x="1942317" y="0"/>
                  </a:lnTo>
                  <a:cubicBezTo>
                    <a:pt x="2013831" y="0"/>
                    <a:pt x="2071805" y="57974"/>
                    <a:pt x="2071805" y="129488"/>
                  </a:cubicBezTo>
                  <a:lnTo>
                    <a:pt x="2071805" y="1165390"/>
                  </a:lnTo>
                  <a:cubicBezTo>
                    <a:pt x="2071805" y="1236904"/>
                    <a:pt x="2013831" y="1294878"/>
                    <a:pt x="1942317" y="1294878"/>
                  </a:cubicBezTo>
                  <a:lnTo>
                    <a:pt x="129488" y="1294878"/>
                  </a:lnTo>
                  <a:cubicBezTo>
                    <a:pt x="57974" y="1294878"/>
                    <a:pt x="0" y="1236904"/>
                    <a:pt x="0" y="1165390"/>
                  </a:cubicBezTo>
                  <a:lnTo>
                    <a:pt x="0" y="129488"/>
                  </a:lnTo>
                  <a:close/>
                </a:path>
              </a:pathLst>
            </a:cu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72216" tIns="60786" rIns="72216" bIns="60786" numCol="1" spcCol="1270" anchor="ctr" anchorCtr="0">
              <a:noAutofit/>
            </a:bodyPr>
            <a:lstStyle/>
            <a:p>
              <a:pPr marL="0" lvl="0" indent="0" algn="ctr" defTabSz="800100">
                <a:lnSpc>
                  <a:spcPct val="90000"/>
                </a:lnSpc>
                <a:spcBef>
                  <a:spcPct val="0"/>
                </a:spcBef>
                <a:spcAft>
                  <a:spcPct val="35000"/>
                </a:spcAft>
                <a:buNone/>
              </a:pPr>
              <a:r>
                <a:rPr lang="en-GB" sz="1800" dirty="0"/>
                <a:t>Agree whether to transact on the basis that TUPE applies or TUPE does not apply</a:t>
              </a:r>
            </a:p>
            <a:p>
              <a:pPr marL="0" lvl="0" indent="0" algn="ctr" defTabSz="800100">
                <a:lnSpc>
                  <a:spcPct val="90000"/>
                </a:lnSpc>
                <a:spcBef>
                  <a:spcPct val="0"/>
                </a:spcBef>
                <a:spcAft>
                  <a:spcPct val="35000"/>
                </a:spcAft>
                <a:buNone/>
              </a:pPr>
              <a:endParaRPr lang="en-GB" sz="1800" kern="1200" dirty="0"/>
            </a:p>
          </p:txBody>
        </p:sp>
      </p:grpSp>
    </p:spTree>
    <p:extLst>
      <p:ext uri="{BB962C8B-B14F-4D97-AF65-F5344CB8AC3E}">
        <p14:creationId xmlns:p14="http://schemas.microsoft.com/office/powerpoint/2010/main" val="349363098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7BE23831-7566-0594-0EC4-77F4F3EE083E}"/>
              </a:ext>
            </a:extLst>
          </p:cNvPr>
          <p:cNvSpPr>
            <a:spLocks noGrp="1"/>
          </p:cNvSpPr>
          <p:nvPr>
            <p:ph type="title"/>
          </p:nvPr>
        </p:nvSpPr>
        <p:spPr>
          <a:xfrm>
            <a:off x="541867" y="408500"/>
            <a:ext cx="11074400" cy="914400"/>
          </a:xfrm>
        </p:spPr>
        <p:txBody>
          <a:bodyPr/>
          <a:lstStyle/>
          <a:p>
            <a:r>
              <a:rPr lang="en-GB" dirty="0">
                <a:solidFill>
                  <a:schemeClr val="tx2"/>
                </a:solidFill>
              </a:rPr>
              <a:t>Advantages of TUPE applying</a:t>
            </a:r>
            <a:endParaRPr lang="en-US" dirty="0"/>
          </a:p>
        </p:txBody>
      </p:sp>
      <p:graphicFrame>
        <p:nvGraphicFramePr>
          <p:cNvPr id="5" name="Content Placeholder 2">
            <a:extLst>
              <a:ext uri="{FF2B5EF4-FFF2-40B4-BE49-F238E27FC236}">
                <a16:creationId xmlns:a16="http://schemas.microsoft.com/office/drawing/2014/main" id="{66DFB960-16F5-584F-B23E-BB4105E76A3C}"/>
              </a:ext>
            </a:extLst>
          </p:cNvPr>
          <p:cNvGraphicFramePr>
            <a:graphicFrameLocks noGrp="1"/>
          </p:cNvGraphicFramePr>
          <p:nvPr>
            <p:ph idx="1"/>
            <p:extLst>
              <p:ext uri="{D42A27DB-BD31-4B8C-83A1-F6EECF244321}">
                <p14:modId xmlns:p14="http://schemas.microsoft.com/office/powerpoint/2010/main" val="2105223839"/>
              </p:ext>
            </p:extLst>
          </p:nvPr>
        </p:nvGraphicFramePr>
        <p:xfrm>
          <a:off x="839416" y="1844824"/>
          <a:ext cx="10234653" cy="4104456"/>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99522154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A29A26C-EC0E-BDFF-74A0-8FEA66D9E491}"/>
            </a:ext>
          </a:extLst>
        </p:cNvPr>
        <p:cNvGrpSpPr/>
        <p:nvPr/>
      </p:nvGrpSpPr>
      <p:grpSpPr>
        <a:xfrm>
          <a:off x="0" y="0"/>
          <a:ext cx="0" cy="0"/>
          <a:chOff x="0" y="0"/>
          <a:chExt cx="0" cy="0"/>
        </a:xfrm>
      </p:grpSpPr>
      <p:sp>
        <p:nvSpPr>
          <p:cNvPr id="9" name="Title 1">
            <a:extLst>
              <a:ext uri="{FF2B5EF4-FFF2-40B4-BE49-F238E27FC236}">
                <a16:creationId xmlns:a16="http://schemas.microsoft.com/office/drawing/2014/main" id="{6D6CE9E0-504C-458C-562C-A8CCF12A5E12}"/>
              </a:ext>
            </a:extLst>
          </p:cNvPr>
          <p:cNvSpPr>
            <a:spLocks noGrp="1"/>
          </p:cNvSpPr>
          <p:nvPr>
            <p:ph type="title"/>
          </p:nvPr>
        </p:nvSpPr>
        <p:spPr>
          <a:xfrm>
            <a:off x="541867" y="408500"/>
            <a:ext cx="11074400" cy="914400"/>
          </a:xfrm>
        </p:spPr>
        <p:txBody>
          <a:bodyPr/>
          <a:lstStyle/>
          <a:p>
            <a:r>
              <a:rPr lang="en-GB" dirty="0">
                <a:solidFill>
                  <a:schemeClr val="tx2"/>
                </a:solidFill>
              </a:rPr>
              <a:t>Disadvantages of TUPE applying</a:t>
            </a:r>
            <a:endParaRPr lang="en-US" dirty="0"/>
          </a:p>
        </p:txBody>
      </p:sp>
      <p:graphicFrame>
        <p:nvGraphicFramePr>
          <p:cNvPr id="5" name="Content Placeholder 2">
            <a:extLst>
              <a:ext uri="{FF2B5EF4-FFF2-40B4-BE49-F238E27FC236}">
                <a16:creationId xmlns:a16="http://schemas.microsoft.com/office/drawing/2014/main" id="{7FE45898-DB57-F6F1-30C6-0BEA18A7FA2C}"/>
              </a:ext>
            </a:extLst>
          </p:cNvPr>
          <p:cNvGraphicFramePr>
            <a:graphicFrameLocks noGrp="1"/>
          </p:cNvGraphicFramePr>
          <p:nvPr>
            <p:ph idx="1"/>
            <p:extLst>
              <p:ext uri="{D42A27DB-BD31-4B8C-83A1-F6EECF244321}">
                <p14:modId xmlns:p14="http://schemas.microsoft.com/office/powerpoint/2010/main" val="3834728766"/>
              </p:ext>
            </p:extLst>
          </p:nvPr>
        </p:nvGraphicFramePr>
        <p:xfrm>
          <a:off x="767408" y="1556792"/>
          <a:ext cx="10234653" cy="460467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4099895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2AFB3C-BDC6-0754-13C3-2F20E8BF60AD}"/>
              </a:ext>
            </a:extLst>
          </p:cNvPr>
          <p:cNvSpPr>
            <a:spLocks noGrp="1"/>
          </p:cNvSpPr>
          <p:nvPr>
            <p:ph type="title"/>
          </p:nvPr>
        </p:nvSpPr>
        <p:spPr>
          <a:xfrm>
            <a:off x="407368" y="356833"/>
            <a:ext cx="11377264" cy="914400"/>
          </a:xfrm>
        </p:spPr>
        <p:txBody>
          <a:bodyPr wrap="square" anchor="ctr">
            <a:normAutofit/>
          </a:bodyPr>
          <a:lstStyle/>
          <a:p>
            <a:r>
              <a:rPr lang="en-GB" dirty="0"/>
              <a:t>What if parties do not agree on application of TUPE?</a:t>
            </a:r>
          </a:p>
        </p:txBody>
      </p:sp>
      <p:graphicFrame>
        <p:nvGraphicFramePr>
          <p:cNvPr id="5" name="Content Placeholder 2">
            <a:extLst>
              <a:ext uri="{FF2B5EF4-FFF2-40B4-BE49-F238E27FC236}">
                <a16:creationId xmlns:a16="http://schemas.microsoft.com/office/drawing/2014/main" id="{D76A3B04-1A7B-CFEE-7424-CBD6EC79BF38}"/>
              </a:ext>
            </a:extLst>
          </p:cNvPr>
          <p:cNvGraphicFramePr>
            <a:graphicFrameLocks noGrp="1"/>
          </p:cNvGraphicFramePr>
          <p:nvPr>
            <p:ph sz="quarter" idx="11"/>
            <p:extLst>
              <p:ext uri="{D42A27DB-BD31-4B8C-83A1-F6EECF244321}">
                <p14:modId xmlns:p14="http://schemas.microsoft.com/office/powerpoint/2010/main" val="1057607899"/>
              </p:ext>
            </p:extLst>
          </p:nvPr>
        </p:nvGraphicFramePr>
        <p:xfrm>
          <a:off x="377536" y="1412774"/>
          <a:ext cx="10831032" cy="525196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70438129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ARTICULATE_DESIGN_ID_MAIN" val="ribzRGNh"/>
  <p:tag name="ARTICULATE_SLIDE_COUNT" val="3"/>
  <p:tag name="ARTICULATE_PROJECT_OPEN" val="0"/>
</p:tagLst>
</file>

<file path=ppt/tags/tag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heme/theme1.xml><?xml version="1.0" encoding="utf-8"?>
<a:theme xmlns:a="http://schemas.openxmlformats.org/drawingml/2006/main" name="Main">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Blank Presentation">
      <a:majorFont>
        <a:latin typeface="Arial"/>
        <a:ea typeface="ＭＳ Ｐゴシック"/>
        <a:cs typeface=""/>
      </a:majorFont>
      <a:minorFont>
        <a:latin typeface="Arial"/>
        <a:ea typeface="ＭＳ Ｐゴシック"/>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9525" cap="flat" cmpd="sng" algn="ctr">
          <a:solidFill>
            <a:schemeClr val="tx2"/>
          </a:solidFill>
          <a:prstDash val="solid"/>
          <a:round/>
          <a:headEnd type="none" w="med" len="med"/>
          <a:tailEnd type="none" w="med" len="med"/>
        </a:ln>
        <a:effectLst/>
      </a:spPr>
      <a:bodyPr vert="horz" wrap="square" lIns="91440" tIns="45720" rIns="9144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1000" b="1" i="0" u="none" strike="noStrike" cap="none" normalizeH="0" baseline="0" dirty="0" smtClean="0">
            <a:ln>
              <a:noFill/>
            </a:ln>
            <a:solidFill>
              <a:schemeClr val="bg1"/>
            </a:solidFill>
            <a:effectLst/>
            <a:latin typeface="+mn-lt"/>
            <a:ea typeface="ＭＳ Ｐゴシック" pitchFamily="-128" charset="-128"/>
          </a:defRPr>
        </a:defPPr>
      </a:lstStyle>
    </a:spDef>
    <a:lnDef>
      <a:spPr bwMode="auto">
        <a:solidFill>
          <a:schemeClr val="accent1"/>
        </a:solidFill>
        <a:ln w="9525" cap="flat" cmpd="sng" algn="ctr">
          <a:solidFill>
            <a:schemeClr val="tx1"/>
          </a:solidFill>
          <a:prstDash val="solid"/>
          <a:round/>
          <a:headEnd type="none" w="med" len="med"/>
          <a:tailEnd type="none" w="med" len="med"/>
        </a:ln>
        <a:effectLst/>
      </a:spPr>
      <a:bodyPr/>
      <a:lstStyle/>
    </a:lnDef>
    <a:txDef>
      <a:spPr>
        <a:noFill/>
      </a:spPr>
      <a:bodyPr wrap="square" rtlCol="0">
        <a:spAutoFit/>
      </a:bodyPr>
      <a:lstStyle>
        <a:defPPr algn="l">
          <a:defRPr sz="1000" dirty="0" smtClean="0">
            <a:latin typeface="+mn-lt"/>
          </a:defRPr>
        </a:defPPr>
      </a:lstStyle>
    </a:txDef>
  </a:objectDefaults>
  <a:extraClrSchemeLst>
    <a:extraClrScheme>
      <a:clrScheme name="Pinsent Masons">
        <a:dk1>
          <a:srgbClr val="000000"/>
        </a:dk1>
        <a:lt1>
          <a:srgbClr val="FFFFFF"/>
        </a:lt1>
        <a:dk2>
          <a:srgbClr val="A80C35"/>
        </a:dk2>
        <a:lt2>
          <a:srgbClr val="93A5B0"/>
        </a:lt2>
        <a:accent1>
          <a:srgbClr val="00B5AD"/>
        </a:accent1>
        <a:accent2>
          <a:srgbClr val="0097D6"/>
        </a:accent2>
        <a:accent3>
          <a:srgbClr val="8FB73E"/>
        </a:accent3>
        <a:accent4>
          <a:srgbClr val="F37021"/>
        </a:accent4>
        <a:accent5>
          <a:srgbClr val="F1B80E"/>
        </a:accent5>
        <a:accent6>
          <a:srgbClr val="EE4D9B"/>
        </a:accent6>
        <a:hlink>
          <a:srgbClr val="0563C1"/>
        </a:hlink>
        <a:folHlink>
          <a:srgbClr val="954F72"/>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Main.potx" id="{9DAE4D3C-2EC3-4768-B8B6-C7EBF6A26F28}" vid="{758A4041-A03A-41ED-B200-35AA1BF99486}"/>
    </a:ext>
  </a:extLst>
</a:theme>
</file>

<file path=ppt/theme/theme2.xml><?xml version="1.0" encoding="utf-8"?>
<a:theme xmlns:a="http://schemas.openxmlformats.org/drawingml/2006/main" name="1_Main">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Blank Presentation">
      <a:majorFont>
        <a:latin typeface="Arial"/>
        <a:ea typeface="ＭＳ Ｐゴシック"/>
        <a:cs typeface=""/>
      </a:majorFont>
      <a:minorFont>
        <a:latin typeface="Arial"/>
        <a:ea typeface="ＭＳ Ｐゴシック"/>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GB" sz="2400" b="0" i="0" u="none" strike="noStrike" cap="none" normalizeH="0" baseline="0" smtClean="0">
            <a:ln>
              <a:noFill/>
            </a:ln>
            <a:solidFill>
              <a:schemeClr val="tx1"/>
            </a:solidFill>
            <a:effectLst/>
            <a:latin typeface="Arial" charset="0"/>
            <a:ea typeface="ＭＳ Ｐゴシック" pitchFamily="-128"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GB" sz="2400" b="0" i="0" u="none" strike="noStrike" cap="none" normalizeH="0" baseline="0" smtClean="0">
            <a:ln>
              <a:noFill/>
            </a:ln>
            <a:solidFill>
              <a:schemeClr val="tx1"/>
            </a:solidFill>
            <a:effectLst/>
            <a:latin typeface="Arial" charset="0"/>
            <a:ea typeface="ＭＳ Ｐゴシック" pitchFamily="-128" charset="-128"/>
          </a:defRPr>
        </a:defPPr>
      </a:lstStyle>
    </a:lnDef>
  </a:objectDefaults>
  <a:extraClrSchemeLst>
    <a:extraClrScheme>
      <a:clrScheme name="Pinsent Masons">
        <a:dk1>
          <a:srgbClr val="000000"/>
        </a:dk1>
        <a:lt1>
          <a:srgbClr val="FFFFFF"/>
        </a:lt1>
        <a:dk2>
          <a:srgbClr val="A80C35"/>
        </a:dk2>
        <a:lt2>
          <a:srgbClr val="93A5B0"/>
        </a:lt2>
        <a:accent1>
          <a:srgbClr val="00B5AD"/>
        </a:accent1>
        <a:accent2>
          <a:srgbClr val="0097D6"/>
        </a:accent2>
        <a:accent3>
          <a:srgbClr val="8FB73E"/>
        </a:accent3>
        <a:accent4>
          <a:srgbClr val="F37021"/>
        </a:accent4>
        <a:accent5>
          <a:srgbClr val="F1B80E"/>
        </a:accent5>
        <a:accent6>
          <a:srgbClr val="EE4D9B"/>
        </a:accent6>
        <a:hlink>
          <a:srgbClr val="0563C1"/>
        </a:hlink>
        <a:folHlink>
          <a:srgbClr val="954F72"/>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Main.potx" id="{9DAE4D3C-2EC3-4768-B8B6-C7EBF6A26F28}" vid="{758A4041-A03A-41ED-B200-35AA1BF99486}"/>
    </a:ext>
  </a:ext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613" row="1">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D9826323-DD6D-41E3-9CE4-8E24DC6D2E16}">
  <we:reference id="2e03369f-303c-42b0-8ab4-e2059c24efe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type":"shape","elementConfiguration":{"binding":"{{DataSources.Legal_Notices_Business_Development[StringJoin(\" - \", UserProfile.CompanyName.CountryRef.Country, UserProfile.CompanyName.CompanyName, UserProfile.DocumentLanguage.Name)].DisclaimerBDInsert}}","visibility":"","type":"text","disableUpdates":false}},{"type":"shape","elementConfiguration":{"binding":"{{IfElse(Form.PPTAddDisclaimer, \"This note does not constitute legal advice. Specific legal advice should be taken before acting on any of the topics covered.\", \"\")}}","visibility":"","type":"text","disableUpdates":false}},{"type":"shape","elementConfiguration":{"binding":"{{IfElse(Form.AddPresentation, \"This presentation does not constitute legal advice. Specific legal advice should be taken before acting on any of the topics covered.\", \"\")}}","visibility":"","type":"text","disableUpdates":false}}],"slideId":"1251588492043747330","enableDocumentContentUpdater":false,"version":"2.0"}]]></TemplafySlideTemplateConfiguration>
</file>

<file path=customXml/item10.xml><?xml version="1.0" encoding="utf-8"?>
<TemplafySlideTemplateConfiguration><![CDATA[{"slideVersion":1,"isValidatorEnabled":false,"isLocked":false,"elementsMetadata":[],"slideId":"1251588492043747329","enableDocumentContentUpdater":false,"version":"2.0"}]]></TemplafySlideTemplateConfiguration>
</file>

<file path=customXml/item11.xml><?xml version="1.0" encoding="utf-8"?>
<TemplafyTemplateConfiguration><![CDATA[{"elementsMetadata":[{"type":"shape","id":"1243f5c2-7f09-4ff9-9c71-dc7d9ac0d5cc","elementConfiguration":{"binding":"{{IfElse(Form.PPTAddInternalOnly, \"Internal use only\",\"\")}}","visibility":"","type":"text","disableUpdates":false}},{"type":"shape","id":"bcf483a9-09f3-4f8a-a428-c33f05d5cfa8","elementConfiguration":{"binding":"{{UserProfile.CompanyName.CompanyName}}","visibility":"","type":"text","disableUpdates":false}},{"type":"shape","id":"64b8c28a-cae9-4c07-9a24-daf7f2bbf945","elementConfiguration":{"binding":"{{DataSources.Legal_Notices_Business_Development[StringJoin(\" - \", UserProfile.CompanyName.CountryRef.Country, UserProfile.CompanyName.CompanyName, UserProfile.DocumentLanguage.Name)].Brandsignoffinsert}}","visibility":"","type":"text","disableUpdates":false}},{"type":"shape","id":"29586df0-98da-43b3-a1d1-3725356cbe04","elementConfiguration":{"binding":"{{UserProfile.CompanyName.CompanyName}}","visibility":"","type":"text","disableUpdates":false}},{"type":"shape","id":"5dc97c4f-7178-41c8-90f7-440f6feed4a3","elementConfiguration":{"binding":"{{DataSources.Legal_Notices_Business_Development[StringJoin(\" - \", UserProfile.CompanyName.CountryRef.Country, UserProfile.CompanyName.CompanyName, UserProfile.DocumentLanguage.Name)].Brandsignoffinsert}}","visibility":"","type":"text","disableUpdates":false}},{"type":"shape","id":"6b3c6973-29d1-4a8f-ba26-1f937b27ef75","elementConfiguration":{"binding":"{{IfElse(Form.PPTAddInternalOnly, \"Internal use only\",\"\")}}","visibility":"","type":"text","disableUpdates":false}},{"type":"shape","id":"f3a9e6e1-c476-4c28-b4c1-f64c13e7aaec","elementConfiguration":{"binding":"{{IfElse(Form.PPTAddInternalOnly, \"Internal use only\",\"\")}}","visibility":"","type":"text","disableUpdates":false}},{"type":"shape","id":"87ae082d-cea0-443c-9877-cb551aa538c5","elementConfiguration":{"binding":"{{IfElse(Form.PPTAddInternalOnly, \"Internal use only\",\"\")}}","visibility":"","type":"text","disableUpdates":false}},{"type":"shape","id":"31dc3b93-58d0-4e27-8895-dfca4a201b9f","elementConfiguration":{"binding":"{{IfElse(Form.PPTAddInternalOnly, \"Internal use only\",\"\")}}","visibility":"","type":"text","disableUpdates":false}},{"type":"shape","id":"c96913c0-7f3d-4192-8a4b-f874de74a5b9","elementConfiguration":{"binding":"{{IfElse(Form.PPTAddInternalOnly, \"Internal use only\",\"\")}}","visibility":"","type":"text","disableUpdates":false}},{"type":"shape","id":"8648f05d-9d66-45f8-8518-180f286b6d80","elementConfiguration":{"binding":"{{IfElse(Form.PPTAddInternalOnly, \"Internal use only\",\"\")}}","visibility":"","type":"text","disableUpdates":false}},{"type":"shape","id":"b9d2809b-368e-413a-b423-9c2ca40355b0","elementConfiguration":{"binding":"{{DataSources.Legal_Notices_Business_Development[StringJoin(\" - \", UserProfile.CompanyName.CountryRef.Country, UserProfile.CompanyName.CompanyName, UserProfile.DocumentLanguage.Name)].DisclaimerBDInsert}}","visibility":"","type":"text","disableUpdates":false}},{"type":"shape","id":"26c5ffda-2659-4f38-8bd1-83e867d5721a","elementConfiguration":{"binding":"{{IfElse(Form.PPTAddDisclaimer, \"This note does not constitute legal advice. Specific legal advice should be taken before acting on any of the topics covered.\", \"\")}}","visibility":"","type":"text","disableUpdates":false}},{"type":"shape","id":"2c812a11-7411-4f27-a16e-f2b954ca260f","elementConfiguration":{"binding":"{{IfElse(Form.AddPresentation, \"This presentation does not constitute legal advice. Specific legal advice should be taken before acting on any of the topics covered.\", \"\")}}","visibility":"","type":"text","disableUpdates":false}},{"type":"shape","id":"8b36c23a-7e62-4653-b386-b37182507916","elementConfiguration":{"binding":"{{DataSources.Legal_Notices_Business_Development[StringJoin(\" - \", UserProfile.CompanyName.CountryRef.Country, UserProfile.CompanyName.CompanyName, UserProfile.DocumentLanguage.Name)].Brandsignoffinsert}}","visibility":"","type":"text","disableUpdates":false}},{"type":"shape","id":"0e24d170-1310-41ae-be24-1c09c47cd004","elementConfiguration":{"inheritDimensions":"{{InheritDimensions.InheritNone}}","width":"4 cm","height":"","image":"{{UserProfile.CompanyName.LogoRef.LogoWhiteName.Image}}","visibility":"","type":"image","disableUpdates":false}},{"type":"shape","id":"bfaee76c-0296-4ba2-ae14-3e32cd05c426","elementConfiguration":{"inheritDimensions":"{{InheritDimensions.InheritNone}}","width":"","height":"{{UserProfile.CompanyName.AwardRef.AwardHeight}}","image":"{{UserProfile.CompanyName.AwardRef.AwardOneWhiteName.Image}}","visibility":"","type":"image","disableUpdates":false}},{"type":"shape","id":"40100481-3af3-419d-9579-e0ea27fa9b0a","elementConfiguration":{"inheritDimensions":"{{InheritDimensions.InheritNone}}","width":"","height":"{{UserProfile.CompanyName.AwardRef.AwardHeight}}","image":"{{UserProfile.CompanyName.AwardRef.AwardOneWhiteName.Image}}","visibility":"","type":"image","disableUpdates":false}},{"type":"shape","id":"7e1a0ad4-7cdf-4b8c-aee3-397fcc13ca3c","elementConfiguration":{"binding":"{{DataSources.Legal_Notices_Business_Development[StringJoin(\" - \", UserProfile.CompanyName.CountryRef.Country, UserProfile.CompanyName.CompanyName, UserProfile.DocumentLanguage.Name)].Brandsignoffinsert}}","visibility":"","type":"text","disableUpdates":false}},{"type":"shape","id":"24164b49-c68c-4352-bce4-0a1e8c5bd7b8","elementConfiguration":{"inheritDimensions":"{{InheritDimensions.InheritNone}}","width":"4 cm","height":"","image":"{{UserProfile.CompanyName.LogoRef.LogoNameRef.Image}}","visibility":"","type":"image","disableUpdates":false}},{"type":"shape","id":"bb01311d-b114-4f2d-871b-37df513f4f69","elementConfiguration":{"inheritDimensions":"{{InheritDimensions.InheritNone}}","width":"","height":"{{UserProfile.CompanyName.AwardRef.AwardHeight}}","image":"{{UserProfile.CompanyName.AwardRef.AwardOneName.Image}}","visibility":"","type":"image","disableUpdates":false}},{"type":"shape","id":"60d28f42-eee1-400a-8485-0f7e5d3d9248","elementConfiguration":{"inheritDimensions":"{{InheritDimensions.InheritNone}}","width":"","height":"{{UserProfile.CompanyName.AwardRef.AwardHeight}}","image":"{{UserProfile.CompanyName.AwardRef.AwardTwoName.Image}}","visibility":"","type":"image","disableUpdates":false}}],"transformationConfigurations":[{"language":"{{DocumentLanguage}}","disableUpdates":false,"type":"proofingLanguage"},{"colorTheme":"{{UserProfile.CompanyName.ColorThemeRef.ColorTheme}}","disableUpdates":false,"originalColorThemeXml":"<a:clrScheme name=\"Pinsent Masons\" xmlns:a=\"http://schemas.openxmlformats.org/drawingml/2006/main\"><a:dk1><a:srgbClr val=\"000000\" /></a:dk1><a:lt1><a:srgbClr val=\"FFFFFF\" /></a:lt1><a:dk2><a:srgbClr val=\"A80C35\" /></a:dk2><a:lt2><a:srgbClr val=\"93A5B0\" /></a:lt2><a:accent1><a:srgbClr val=\"00B5AD\" /></a:accent1><a:accent2><a:srgbClr val=\"0097D6\" /></a:accent2><a:accent3><a:srgbClr val=\"8FB73E\" /></a:accent3><a:accent4><a:srgbClr val=\"F37021\" /></a:accent4><a:accent5><a:srgbClr val=\"F1B80E\" /></a:accent5><a:accent6><a:srgbClr val=\"EE4D9B\" /></a:accent6><a:hlink><a:srgbClr val=\"0563C1\" /></a:hlink><a:folHlink><a:srgbClr val=\"954F72\" /></a:folHlink></a:clrScheme>","type":"colorTheme"}],"templateName":"Blank presentation","templateDescription":"","enableDocumentContentUpdater":true,"version":"2.0"}]]></TemplafyTemplateConfiguration>
</file>

<file path=customXml/item2.xml><?xml version="1.0" encoding="utf-8"?>
<properties xmlns="http://www.imanage.com/work/xmlschema">
  <documentid>GIMANAGE!49636953.1</documentid>
  <senderid>SCOSTLEY</senderid>
  <senderemail>SARAH.MUNRO@PINSENTMASONS.COM</senderemail>
  <lastmodified>2025-10-14T10:14:55.0000000+01:00</lastmodified>
  <database>GIMANAGE</database>
</properties>
</file>

<file path=customXml/item3.xml><?xml version="1.0" encoding="utf-8"?>
<TemplafySlideTemplateConfiguration><![CDATA[{"slideVersion":1,"isValidatorEnabled":false,"isLocked":false,"elementsMetadata":[{"type":"shape","elementConfiguration":{"binding":"{{DataSources.Legal_Notices_Business_Development[StringJoin(\" - \", UserProfile.CompanyName.CountryRef.Country, UserProfile.CompanyName.CompanyName, UserProfile.DocumentLanguage.Name)].Brandsignoffinsert}}","visibility":"","type":"text","disableUpdates":false}},{"type":"shape","elementConfiguration":{"inheritDimensions":"{{InheritDimensions.InheritNone}}","width":"4 cm","height":"","image":"{{UserProfile.CompanyName.LogoRef.LogoNameRef.Image}}","visibility":"","type":"image","disableUpdates":false}},{"type":"shape","elementConfiguration":{"inheritDimensions":"{{InheritDimensions.InheritNone}}","width":"","height":"{{UserProfile.CompanyName.AwardRef.AwardHeight}}","image":"{{UserProfile.CompanyName.AwardRef.AwardOneName.Image}}","visibility":"","type":"image","disableUpdates":false}},{"type":"shape","elementConfiguration":{"inheritDimensions":"{{InheritDimensions.InheritNone}}","width":"","height":"{{UserProfile.CompanyName.AwardRef.AwardHeight}}","image":"{{UserProfile.CompanyName.AwardRef.AwardTwoName.Image}}","visibility":"","type":"image","disableUpdates":false}}],"slideId":"1251588492043747328","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helpTexts":{},"spacing":{},"shareValue":false,"type":"checkBox","name":"AddPresentation","label":"Add 'This presentation does not constitute legal advice' disclaimer"},{"defaultValue":{"fixedValue":false},"helpTexts":{"prefix":"","postfix":""},"spacing":{},"shareValue":false,"type":"checkBox","name":"PPTAddDisclaimer","label":"Add 'This note does not constitute legal advice' disclaimer."}],"formDataEntries":[]}]]></TemplafySlideFormConfiguration>
</file>

<file path=customXml/item6.xml><?xml version="1.0" encoding="utf-8"?>
<TemplafySlideFormConfiguration><![CDATA[{"formFields":[],"formDataEntries":[]}]]></TemplafySlideFormConfiguration>
</file>

<file path=customXml/item7.xml><?xml version="1.0" encoding="utf-8"?>
<TemplafyFormConfiguration><![CDATA[{"formFields":[{"helpTexts":{"prefix":"","postfix":""},"spacing":{},"type":"heading","name":"PPTDisclaimersHeader","label":"Additional disclaimers"},{"helpTexts":{},"spacing":{},"shareValue":false,"type":"checkBox","name":"AddPresentation","label":"Add 'This presentation does not constitute legal advice' disclaimer"},{"defaultValue":{"fixedValue":false},"helpTexts":{"prefix":"","postfix":""},"spacing":{},"shareValue":false,"type":"checkBox","name":"PPTAddDisclaimer","label":"Add 'This note does not constitute legal advice' disclaimer."},{"helpTexts":{"prefix":"","postfix":""},"spacing":{},"shareValue":false,"type":"checkBox","name":"PPTAddInternalOnly","label":"Add 'Internal use only' "}],"formDataEntries":[{"name":"AddPresentation","value":"RiQ0EoIGxotfhAar0kQn0A=="},{"name":"PPTAddDisclaimer","value":"RiQ0EoIGxotfhAar0kQn0A=="},{"name":"PPTAddInternalOnly","value":"RiQ0EoIGxotfhAar0kQn0A=="}]}]]></TemplafyFormConfiguration>
</file>

<file path=customXml/item8.xml><?xml version="1.0" encoding="utf-8"?>
<TemplafySlideTemplateConfiguration><![CDATA[{"slideVersion":0,"isValidatorEnabled":false,"isLocked":false,"elementsMetadata":[],"slideId":"638067111156221682","enableDocumentContentUpdater":true,"version":"1.11"}]]></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727C0DB2-8AB5-4561-A359-6062A6B5D534}">
  <ds:schemaRefs/>
</ds:datastoreItem>
</file>

<file path=customXml/itemProps10.xml><?xml version="1.0" encoding="utf-8"?>
<ds:datastoreItem xmlns:ds="http://schemas.openxmlformats.org/officeDocument/2006/customXml" ds:itemID="{3F685A82-4BFD-46D2-BC4E-08A8C57753B5}">
  <ds:schemaRefs/>
</ds:datastoreItem>
</file>

<file path=customXml/itemProps11.xml><?xml version="1.0" encoding="utf-8"?>
<ds:datastoreItem xmlns:ds="http://schemas.openxmlformats.org/officeDocument/2006/customXml" ds:itemID="{686C3C72-B558-43EA-A770-F60FA30919F2}">
  <ds:schemaRefs/>
</ds:datastoreItem>
</file>

<file path=customXml/itemProps2.xml><?xml version="1.0" encoding="utf-8"?>
<ds:datastoreItem xmlns:ds="http://schemas.openxmlformats.org/officeDocument/2006/customXml" ds:itemID="{ACBBD16E-D773-4E2D-9211-D7D2A3CAF15F}">
  <ds:schemaRefs>
    <ds:schemaRef ds:uri="http://www.imanage.com/work/xmlschema"/>
  </ds:schemaRefs>
</ds:datastoreItem>
</file>

<file path=customXml/itemProps3.xml><?xml version="1.0" encoding="utf-8"?>
<ds:datastoreItem xmlns:ds="http://schemas.openxmlformats.org/officeDocument/2006/customXml" ds:itemID="{E3B1071D-7C64-45DD-9D25-59F286651A85}">
  <ds:schemaRefs/>
</ds:datastoreItem>
</file>

<file path=customXml/itemProps4.xml><?xml version="1.0" encoding="utf-8"?>
<ds:datastoreItem xmlns:ds="http://schemas.openxmlformats.org/officeDocument/2006/customXml" ds:itemID="{B77E28FD-4B21-4C5B-8116-E64EB77B812B}">
  <ds:schemaRefs/>
</ds:datastoreItem>
</file>

<file path=customXml/itemProps5.xml><?xml version="1.0" encoding="utf-8"?>
<ds:datastoreItem xmlns:ds="http://schemas.openxmlformats.org/officeDocument/2006/customXml" ds:itemID="{D5234920-E8DC-4C13-B108-C9C99137F8FD}">
  <ds:schemaRefs/>
</ds:datastoreItem>
</file>

<file path=customXml/itemProps6.xml><?xml version="1.0" encoding="utf-8"?>
<ds:datastoreItem xmlns:ds="http://schemas.openxmlformats.org/officeDocument/2006/customXml" ds:itemID="{5C7E519C-73DD-4CC6-AE59-88419ECC2619}">
  <ds:schemaRefs/>
</ds:datastoreItem>
</file>

<file path=customXml/itemProps7.xml><?xml version="1.0" encoding="utf-8"?>
<ds:datastoreItem xmlns:ds="http://schemas.openxmlformats.org/officeDocument/2006/customXml" ds:itemID="{40BE0186-9E4D-4601-B4B7-D96D58A25E05}">
  <ds:schemaRefs/>
</ds:datastoreItem>
</file>

<file path=customXml/itemProps8.xml><?xml version="1.0" encoding="utf-8"?>
<ds:datastoreItem xmlns:ds="http://schemas.openxmlformats.org/officeDocument/2006/customXml" ds:itemID="{3EEFFBB3-B149-4AD6-9E0A-D32848AD9AC4}">
  <ds:schemaRefs/>
</ds:datastoreItem>
</file>

<file path=customXml/itemProps9.xml><?xml version="1.0" encoding="utf-8"?>
<ds:datastoreItem xmlns:ds="http://schemas.openxmlformats.org/officeDocument/2006/customXml" ds:itemID="{00AA05BB-C8A7-42E5-88B7-1B530B8A1163}">
  <ds:schemaRefs/>
</ds:datastoreItem>
</file>

<file path=docMetadata/LabelInfo.xml><?xml version="1.0" encoding="utf-8"?>
<clbl:labelList xmlns:clbl="http://schemas.microsoft.com/office/2020/mipLabelMetadata">
  <clbl:label id="{49bf645c-d1a5-4464-b193-a5726c29773b}" enabled="0" method="" siteId="{49bf645c-d1a5-4464-b193-a5726c29773b}" removed="1"/>
</clbl:labelList>
</file>

<file path=docProps/app.xml><?xml version="1.0" encoding="utf-8"?>
<Properties xmlns="http://schemas.openxmlformats.org/officeDocument/2006/extended-properties" xmlns:vt="http://schemas.openxmlformats.org/officeDocument/2006/docPropsVTypes">
  <Template>47F1ABB8</Template>
  <TotalTime>1103</TotalTime>
  <Words>1584</Words>
  <Application>Microsoft Office PowerPoint</Application>
  <PresentationFormat>Widescreen</PresentationFormat>
  <Paragraphs>186</Paragraphs>
  <Slides>23</Slides>
  <Notes>19</Notes>
  <HiddenSlides>0</HiddenSlides>
  <MMClips>0</MMClips>
  <ScaleCrop>false</ScaleCrop>
  <HeadingPairs>
    <vt:vector size="6" baseType="variant">
      <vt:variant>
        <vt:lpstr>Fonts Used</vt:lpstr>
      </vt:variant>
      <vt:variant>
        <vt:i4>5</vt:i4>
      </vt:variant>
      <vt:variant>
        <vt:lpstr>Theme</vt:lpstr>
      </vt:variant>
      <vt:variant>
        <vt:i4>2</vt:i4>
      </vt:variant>
      <vt:variant>
        <vt:lpstr>Slide Titles</vt:lpstr>
      </vt:variant>
      <vt:variant>
        <vt:i4>23</vt:i4>
      </vt:variant>
    </vt:vector>
  </HeadingPairs>
  <TitlesOfParts>
    <vt:vector size="30" baseType="lpstr">
      <vt:lpstr>ＭＳ Ｐゴシック</vt:lpstr>
      <vt:lpstr>Arial</vt:lpstr>
      <vt:lpstr>Bliss 2 ExtraBold</vt:lpstr>
      <vt:lpstr>Bliss 2 Regular</vt:lpstr>
      <vt:lpstr>Wingdings</vt:lpstr>
      <vt:lpstr>Main</vt:lpstr>
      <vt:lpstr>1_Main</vt:lpstr>
      <vt:lpstr>  A practical guide to TUPE and outsourcing  Annual Employment Law Conference 2025</vt:lpstr>
      <vt:lpstr>Quick refresh: TUPE &amp; traditional transfers (type A)</vt:lpstr>
      <vt:lpstr>Quick refresh: TUPE &amp; Service Provision Change (type B)</vt:lpstr>
      <vt:lpstr>Quick refresh: TUPE protections</vt:lpstr>
      <vt:lpstr>Entry and Exit </vt:lpstr>
      <vt:lpstr>Do the parties agree whether TUPE applies?</vt:lpstr>
      <vt:lpstr>Advantages of TUPE applying</vt:lpstr>
      <vt:lpstr>Disadvantages of TUPE applying</vt:lpstr>
      <vt:lpstr>What if parties do not agree on application of TUPE?</vt:lpstr>
      <vt:lpstr>Identifying which employees transfer</vt:lpstr>
      <vt:lpstr>What if parties do not agree who is assigned?</vt:lpstr>
      <vt:lpstr>Splitting transferring liabilities</vt:lpstr>
      <vt:lpstr>What if claims arise relating to pre-transfer disputes?</vt:lpstr>
      <vt:lpstr>Information and consultation</vt:lpstr>
      <vt:lpstr>What if one of the parties doesn’t engage in the process?</vt:lpstr>
      <vt:lpstr>Information provision</vt:lpstr>
      <vt:lpstr>What if information is not accurate?</vt:lpstr>
      <vt:lpstr>Objections to transfer</vt:lpstr>
      <vt:lpstr>What if an employee objects when detrimental changes proposed?</vt:lpstr>
      <vt:lpstr>Standstill provisions before exit</vt:lpstr>
      <vt:lpstr>What if changes are made to numbers/ employment terms of assigned employees?</vt:lpstr>
      <vt:lpstr>Which hat are you wearing?</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Gemma Herbertson</dc:creator>
  <cp:lastModifiedBy>Susan Lockhart</cp:lastModifiedBy>
  <cp:revision>37</cp:revision>
  <dcterms:created xsi:type="dcterms:W3CDTF">2025-09-15T11:32:59Z</dcterms:created>
  <dcterms:modified xsi:type="dcterms:W3CDTF">2025-11-10T10:52: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IM_Brand">
    <vt:lpwstr>7</vt:lpwstr>
  </property>
  <property fmtid="{D5CDD505-2E9C-101B-9397-08002B2CF9AE}" pid="3" name="ArticulateGUID">
    <vt:lpwstr>F45368A4-26AC-4058-91E6-33FF6DFB825D</vt:lpwstr>
  </property>
  <property fmtid="{D5CDD505-2E9C-101B-9397-08002B2CF9AE}" pid="4" name="ArticulatePath">
    <vt:lpwstr>https://pinsentmasonsmdm-my.sharepoint.com/personal/lisa_thompson_pinsentmasons_com/Documents/Pinsent Masons - Arial (Widescreen 16_9) 060721</vt:lpwstr>
  </property>
  <property fmtid="{D5CDD505-2E9C-101B-9397-08002B2CF9AE}" pid="5" name="TemplafyTimeStamp">
    <vt:lpwstr>2025-08-14T09:21:17</vt:lpwstr>
  </property>
  <property fmtid="{D5CDD505-2E9C-101B-9397-08002B2CF9AE}" pid="6" name="TemplafyTenantId">
    <vt:lpwstr>pinsentmasons</vt:lpwstr>
  </property>
  <property fmtid="{D5CDD505-2E9C-101B-9397-08002B2CF9AE}" pid="7" name="TemplafyTemplateId">
    <vt:lpwstr>1251588483321955606</vt:lpwstr>
  </property>
  <property fmtid="{D5CDD505-2E9C-101B-9397-08002B2CF9AE}" pid="8" name="TemplafyUserProfileId">
    <vt:lpwstr>637551934180815135</vt:lpwstr>
  </property>
  <property fmtid="{D5CDD505-2E9C-101B-9397-08002B2CF9AE}" pid="9" name="TemplafyLanguageCode">
    <vt:lpwstr>en-GB</vt:lpwstr>
  </property>
  <property fmtid="{D5CDD505-2E9C-101B-9397-08002B2CF9AE}" pid="10" name="TemplafyFromBlank">
    <vt:bool>true</vt:bool>
  </property>
  <property fmtid="{D5CDD505-2E9C-101B-9397-08002B2CF9AE}" pid="11" name="Reference_src">
    <vt:lpwstr>{IMan.Number}.{IMan.Version}\{IMan.imProfileCustom1}</vt:lpwstr>
  </property>
  <property fmtid="{D5CDD505-2E9C-101B-9397-08002B2CF9AE}" pid="12" name="SD_TIM_Ran">
    <vt:lpwstr>True</vt:lpwstr>
  </property>
  <property fmtid="{D5CDD505-2E9C-101B-9397-08002B2CF9AE}" pid="13" name="Reference">
    <vt:lpwstr>49636953.1\NONCLIENT</vt:lpwstr>
  </property>
</Properties>
</file>